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73" r:id="rId1"/>
  </p:sldMasterIdLst>
  <p:notesMasterIdLst>
    <p:notesMasterId r:id="rId18"/>
  </p:notesMasterIdLst>
  <p:handoutMasterIdLst>
    <p:handoutMasterId r:id="rId19"/>
  </p:handoutMasterIdLst>
  <p:sldIdLst>
    <p:sldId id="257" r:id="rId2"/>
    <p:sldId id="263" r:id="rId3"/>
    <p:sldId id="262" r:id="rId4"/>
    <p:sldId id="265" r:id="rId5"/>
    <p:sldId id="264" r:id="rId6"/>
    <p:sldId id="266" r:id="rId7"/>
    <p:sldId id="267" r:id="rId8"/>
    <p:sldId id="268" r:id="rId9"/>
    <p:sldId id="273" r:id="rId10"/>
    <p:sldId id="269" r:id="rId11"/>
    <p:sldId id="270" r:id="rId12"/>
    <p:sldId id="271" r:id="rId13"/>
    <p:sldId id="272" r:id="rId14"/>
    <p:sldId id="276" r:id="rId15"/>
    <p:sldId id="275" r:id="rId16"/>
    <p:sldId id="274" r:id="rId17"/>
  </p:sldIdLst>
  <p:sldSz cx="12192000" cy="6858000"/>
  <p:notesSz cx="6858000" cy="9144000"/>
  <p:defaultTextStyle>
    <a:defPPr rtl="0">
      <a:defRPr lang="zh-tw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CEDAC"/>
    <a:srgbClr val="344529"/>
    <a:srgbClr val="2B3922"/>
    <a:srgbClr val="2E3722"/>
    <a:srgbClr val="FCF7F1"/>
    <a:srgbClr val="B8D233"/>
    <a:srgbClr val="5CC6D6"/>
    <a:srgbClr val="F8D22F"/>
    <a:srgbClr val="F03F2B"/>
    <a:srgbClr val="3488A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等深淺樣式 2 - 輔色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5987" autoAdjust="0"/>
    <p:restoredTop sz="94660"/>
  </p:normalViewPr>
  <p:slideViewPr>
    <p:cSldViewPr snapToGrid="0">
      <p:cViewPr varScale="1">
        <p:scale>
          <a:sx n="107" d="100"/>
          <a:sy n="107" d="100"/>
        </p:scale>
        <p:origin x="138" y="25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>
      <p:cViewPr varScale="1">
        <p:scale>
          <a:sx n="123" d="100"/>
          <a:sy n="123" d="100"/>
        </p:scale>
        <p:origin x="4974" y="108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8899\Desktop\Tetris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8899\Desktop\Tetris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zh-TW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v>500</c:v>
          </c:tx>
          <c:spPr>
            <a:ln w="3175" cap="rnd">
              <a:solidFill>
                <a:schemeClr val="accent1"/>
              </a:solidFill>
            </a:ln>
            <a:effectLst>
              <a:glow rad="38100">
                <a:schemeClr val="accent1">
                  <a:satMod val="175000"/>
                  <a:alpha val="14000"/>
                </a:schemeClr>
              </a:glow>
            </a:effectLst>
          </c:spPr>
          <c:marker>
            <c:symbol val="none"/>
          </c:marker>
          <c:val>
            <c:numRef>
              <c:f>工作表3!$E$1:$E$1306</c:f>
              <c:numCache>
                <c:formatCode>General</c:formatCode>
                <c:ptCount val="1306"/>
                <c:pt idx="0">
                  <c:v>490</c:v>
                </c:pt>
                <c:pt idx="1">
                  <c:v>489.97</c:v>
                </c:pt>
                <c:pt idx="2">
                  <c:v>489.93991</c:v>
                </c:pt>
                <c:pt idx="3">
                  <c:v>489.90972972999998</c:v>
                </c:pt>
                <c:pt idx="4">
                  <c:v>489.87945891919003</c:v>
                </c:pt>
                <c:pt idx="5">
                  <c:v>489.84909729594756</c:v>
                </c:pt>
                <c:pt idx="6">
                  <c:v>489.81864458783542</c:v>
                </c:pt>
                <c:pt idx="7">
                  <c:v>489.78810052159895</c:v>
                </c:pt>
                <c:pt idx="8">
                  <c:v>489.75746482316373</c:v>
                </c:pt>
                <c:pt idx="9">
                  <c:v>489.72673721763323</c:v>
                </c:pt>
                <c:pt idx="10">
                  <c:v>489.69591742928611</c:v>
                </c:pt>
                <c:pt idx="11">
                  <c:v>489.66500518157397</c:v>
                </c:pt>
                <c:pt idx="12">
                  <c:v>489.63400019711872</c:v>
                </c:pt>
                <c:pt idx="13">
                  <c:v>489.60290219771008</c:v>
                </c:pt>
                <c:pt idx="14">
                  <c:v>489.57171090430319</c:v>
                </c:pt>
                <c:pt idx="15">
                  <c:v>489.54042603701612</c:v>
                </c:pt>
                <c:pt idx="16">
                  <c:v>489.50904731512713</c:v>
                </c:pt>
                <c:pt idx="17">
                  <c:v>489.47757445707254</c:v>
                </c:pt>
                <c:pt idx="18">
                  <c:v>489.44600718044376</c:v>
                </c:pt>
                <c:pt idx="19">
                  <c:v>489.4143452019851</c:v>
                </c:pt>
                <c:pt idx="20">
                  <c:v>489.38258823759105</c:v>
                </c:pt>
                <c:pt idx="21">
                  <c:v>489.35073600230379</c:v>
                </c:pt>
                <c:pt idx="22">
                  <c:v>489.31878821031074</c:v>
                </c:pt>
                <c:pt idx="23">
                  <c:v>489.28674457494168</c:v>
                </c:pt>
                <c:pt idx="24">
                  <c:v>489.2546048086665</c:v>
                </c:pt>
                <c:pt idx="25">
                  <c:v>489.22236862309251</c:v>
                </c:pt>
                <c:pt idx="26">
                  <c:v>489.19003572896179</c:v>
                </c:pt>
                <c:pt idx="27">
                  <c:v>489.15760583614866</c:v>
                </c:pt>
                <c:pt idx="28">
                  <c:v>489.12507865365711</c:v>
                </c:pt>
                <c:pt idx="29">
                  <c:v>489.09245388961807</c:v>
                </c:pt>
                <c:pt idx="30">
                  <c:v>489.05973125128696</c:v>
                </c:pt>
                <c:pt idx="31">
                  <c:v>489.02691044504081</c:v>
                </c:pt>
                <c:pt idx="32">
                  <c:v>488.99399117637591</c:v>
                </c:pt>
                <c:pt idx="33">
                  <c:v>488.96097314990504</c:v>
                </c:pt>
                <c:pt idx="34">
                  <c:v>488.92785606935479</c:v>
                </c:pt>
                <c:pt idx="35">
                  <c:v>488.89463963756282</c:v>
                </c:pt>
                <c:pt idx="36">
                  <c:v>488.8613235564755</c:v>
                </c:pt>
                <c:pt idx="37">
                  <c:v>488.82790752714493</c:v>
                </c:pt>
                <c:pt idx="38">
                  <c:v>488.7943912497264</c:v>
                </c:pt>
                <c:pt idx="39">
                  <c:v>488.76077442347554</c:v>
                </c:pt>
                <c:pt idx="40">
                  <c:v>488.72705674674597</c:v>
                </c:pt>
                <c:pt idx="41">
                  <c:v>488.69323791698622</c:v>
                </c:pt>
                <c:pt idx="42">
                  <c:v>488.65931763073718</c:v>
                </c:pt>
                <c:pt idx="43">
                  <c:v>488.62529558362939</c:v>
                </c:pt>
                <c:pt idx="44">
                  <c:v>488.59117147038029</c:v>
                </c:pt>
                <c:pt idx="45">
                  <c:v>488.55694498479141</c:v>
                </c:pt>
                <c:pt idx="46">
                  <c:v>488.52261581974579</c:v>
                </c:pt>
                <c:pt idx="47">
                  <c:v>488.48818366720508</c:v>
                </c:pt>
                <c:pt idx="48">
                  <c:v>488.45364821820669</c:v>
                </c:pt>
                <c:pt idx="49">
                  <c:v>488.4190091628613</c:v>
                </c:pt>
                <c:pt idx="50">
                  <c:v>488.38426619034988</c:v>
                </c:pt>
                <c:pt idx="51">
                  <c:v>488.34941898892095</c:v>
                </c:pt>
                <c:pt idx="52">
                  <c:v>488.31446724588767</c:v>
                </c:pt>
                <c:pt idx="53">
                  <c:v>488.27941064762535</c:v>
                </c:pt>
                <c:pt idx="54">
                  <c:v>488.24424887956826</c:v>
                </c:pt>
                <c:pt idx="55">
                  <c:v>488.20898162620693</c:v>
                </c:pt>
                <c:pt idx="56">
                  <c:v>488.17360857108554</c:v>
                </c:pt>
                <c:pt idx="57">
                  <c:v>488.13812939679883</c:v>
                </c:pt>
                <c:pt idx="58">
                  <c:v>488.10254378498922</c:v>
                </c:pt>
                <c:pt idx="59">
                  <c:v>488.06685141634421</c:v>
                </c:pt>
                <c:pt idx="60">
                  <c:v>488.03105197059324</c:v>
                </c:pt>
                <c:pt idx="61">
                  <c:v>487.99514512650501</c:v>
                </c:pt>
                <c:pt idx="62">
                  <c:v>487.95913056188454</c:v>
                </c:pt>
                <c:pt idx="63">
                  <c:v>487.92300795357016</c:v>
                </c:pt>
                <c:pt idx="64">
                  <c:v>487.88677697743088</c:v>
                </c:pt>
                <c:pt idx="65">
                  <c:v>487.85043730836321</c:v>
                </c:pt>
                <c:pt idx="66">
                  <c:v>487.81398862028828</c:v>
                </c:pt>
                <c:pt idx="67">
                  <c:v>487.77743058614914</c:v>
                </c:pt>
                <c:pt idx="68">
                  <c:v>487.74076287790757</c:v>
                </c:pt>
                <c:pt idx="69">
                  <c:v>487.70398516654132</c:v>
                </c:pt>
                <c:pt idx="70">
                  <c:v>487.66709712204096</c:v>
                </c:pt>
                <c:pt idx="71">
                  <c:v>487.63009841340704</c:v>
                </c:pt>
                <c:pt idx="72">
                  <c:v>487.59298870864728</c:v>
                </c:pt>
                <c:pt idx="73">
                  <c:v>487.55576767477322</c:v>
                </c:pt>
                <c:pt idx="74">
                  <c:v>487.51843497779754</c:v>
                </c:pt>
                <c:pt idx="75">
                  <c:v>487.48099028273094</c:v>
                </c:pt>
                <c:pt idx="76">
                  <c:v>487.44343325357914</c:v>
                </c:pt>
                <c:pt idx="77">
                  <c:v>487.40576355333985</c:v>
                </c:pt>
                <c:pt idx="78">
                  <c:v>487.36798084399993</c:v>
                </c:pt>
                <c:pt idx="79">
                  <c:v>487.33008478653193</c:v>
                </c:pt>
                <c:pt idx="80">
                  <c:v>487.29207504089152</c:v>
                </c:pt>
                <c:pt idx="81">
                  <c:v>487.25395126601416</c:v>
                </c:pt>
                <c:pt idx="82">
                  <c:v>487.21571311981222</c:v>
                </c:pt>
                <c:pt idx="83">
                  <c:v>487.17736025917168</c:v>
                </c:pt>
                <c:pt idx="84">
                  <c:v>487.13889233994917</c:v>
                </c:pt>
                <c:pt idx="85">
                  <c:v>487.10030901696905</c:v>
                </c:pt>
                <c:pt idx="86">
                  <c:v>487.06160994401995</c:v>
                </c:pt>
                <c:pt idx="87">
                  <c:v>487.02279477385201</c:v>
                </c:pt>
                <c:pt idx="88">
                  <c:v>486.98386315817356</c:v>
                </c:pt>
                <c:pt idx="89">
                  <c:v>486.94481474764808</c:v>
                </c:pt>
                <c:pt idx="90">
                  <c:v>486.90564919189103</c:v>
                </c:pt>
                <c:pt idx="91">
                  <c:v>486.86636613946672</c:v>
                </c:pt>
                <c:pt idx="92">
                  <c:v>486.82696523788508</c:v>
                </c:pt>
                <c:pt idx="93">
                  <c:v>486.78744613359873</c:v>
                </c:pt>
                <c:pt idx="94">
                  <c:v>486.74780847199958</c:v>
                </c:pt>
                <c:pt idx="95">
                  <c:v>486.70805189741554</c:v>
                </c:pt>
                <c:pt idx="96">
                  <c:v>486.6681760531078</c:v>
                </c:pt>
                <c:pt idx="97">
                  <c:v>486.62818058126715</c:v>
                </c:pt>
                <c:pt idx="98">
                  <c:v>486.58806512301095</c:v>
                </c:pt>
                <c:pt idx="99">
                  <c:v>486.54782931837997</c:v>
                </c:pt>
                <c:pt idx="100">
                  <c:v>486.5074728063351</c:v>
                </c:pt>
                <c:pt idx="101">
                  <c:v>486.4669952247541</c:v>
                </c:pt>
                <c:pt idx="102">
                  <c:v>486.42639621042838</c:v>
                </c:pt>
                <c:pt idx="103">
                  <c:v>486.38567539905966</c:v>
                </c:pt>
                <c:pt idx="104">
                  <c:v>486.34483242525687</c:v>
                </c:pt>
                <c:pt idx="105">
                  <c:v>486.30386692253262</c:v>
                </c:pt>
                <c:pt idx="106">
                  <c:v>486.2627785233002</c:v>
                </c:pt>
                <c:pt idx="107">
                  <c:v>486.22156685887012</c:v>
                </c:pt>
                <c:pt idx="108">
                  <c:v>486.18023155944672</c:v>
                </c:pt>
                <c:pt idx="109">
                  <c:v>486.13877225412506</c:v>
                </c:pt>
                <c:pt idx="110">
                  <c:v>486.09718857088745</c:v>
                </c:pt>
                <c:pt idx="111">
                  <c:v>486.05548013660012</c:v>
                </c:pt>
                <c:pt idx="112">
                  <c:v>486.01364657700992</c:v>
                </c:pt>
                <c:pt idx="113">
                  <c:v>485.97168751674093</c:v>
                </c:pt>
                <c:pt idx="114">
                  <c:v>485.92960257929116</c:v>
                </c:pt>
                <c:pt idx="115">
                  <c:v>485.88739138702903</c:v>
                </c:pt>
                <c:pt idx="116">
                  <c:v>485.84505356119013</c:v>
                </c:pt>
                <c:pt idx="117">
                  <c:v>485.80258872187369</c:v>
                </c:pt>
                <c:pt idx="118">
                  <c:v>485.75999648803935</c:v>
                </c:pt>
                <c:pt idx="119">
                  <c:v>485.71727647750345</c:v>
                </c:pt>
                <c:pt idx="120">
                  <c:v>485.67442830693597</c:v>
                </c:pt>
                <c:pt idx="121">
                  <c:v>485.63145159185677</c:v>
                </c:pt>
                <c:pt idx="122">
                  <c:v>485.58834594663233</c:v>
                </c:pt>
                <c:pt idx="123">
                  <c:v>485.54511098447222</c:v>
                </c:pt>
                <c:pt idx="124">
                  <c:v>485.50174631742567</c:v>
                </c:pt>
                <c:pt idx="125">
                  <c:v>485.45825155637795</c:v>
                </c:pt>
                <c:pt idx="126">
                  <c:v>485.41462631104707</c:v>
                </c:pt>
                <c:pt idx="127">
                  <c:v>485.37087018998022</c:v>
                </c:pt>
                <c:pt idx="128">
                  <c:v>485.32698280055018</c:v>
                </c:pt>
                <c:pt idx="129">
                  <c:v>485.28296374895183</c:v>
                </c:pt>
                <c:pt idx="130">
                  <c:v>485.23881264019866</c:v>
                </c:pt>
                <c:pt idx="131">
                  <c:v>485.19452907811927</c:v>
                </c:pt>
                <c:pt idx="132">
                  <c:v>485.15011266535362</c:v>
                </c:pt>
                <c:pt idx="133">
                  <c:v>485.10556300334969</c:v>
                </c:pt>
                <c:pt idx="134">
                  <c:v>485.06087969235978</c:v>
                </c:pt>
                <c:pt idx="135">
                  <c:v>485.01606233143684</c:v>
                </c:pt>
                <c:pt idx="136">
                  <c:v>484.97111051843115</c:v>
                </c:pt>
                <c:pt idx="137">
                  <c:v>484.92602384998645</c:v>
                </c:pt>
                <c:pt idx="138">
                  <c:v>484.88080192153637</c:v>
                </c:pt>
                <c:pt idx="139">
                  <c:v>484.83544432730099</c:v>
                </c:pt>
                <c:pt idx="140">
                  <c:v>484.7899506602829</c:v>
                </c:pt>
                <c:pt idx="141">
                  <c:v>484.74432051226376</c:v>
                </c:pt>
                <c:pt idx="142">
                  <c:v>484.69855347380059</c:v>
                </c:pt>
                <c:pt idx="143">
                  <c:v>484.65264913422197</c:v>
                </c:pt>
                <c:pt idx="144">
                  <c:v>484.60660708162465</c:v>
                </c:pt>
                <c:pt idx="145">
                  <c:v>484.56042690286949</c:v>
                </c:pt>
                <c:pt idx="146">
                  <c:v>484.51410818357812</c:v>
                </c:pt>
                <c:pt idx="147">
                  <c:v>484.46765050812883</c:v>
                </c:pt>
                <c:pt idx="148">
                  <c:v>484.42105345965325</c:v>
                </c:pt>
                <c:pt idx="149">
                  <c:v>484.37431662003218</c:v>
                </c:pt>
                <c:pt idx="150">
                  <c:v>484.32743956989231</c:v>
                </c:pt>
                <c:pt idx="151">
                  <c:v>484.28042188860201</c:v>
                </c:pt>
                <c:pt idx="152">
                  <c:v>484.23326315426777</c:v>
                </c:pt>
                <c:pt idx="153">
                  <c:v>484.1859629437306</c:v>
                </c:pt>
                <c:pt idx="154">
                  <c:v>484.13852083256177</c:v>
                </c:pt>
                <c:pt idx="155">
                  <c:v>484.09093639505949</c:v>
                </c:pt>
                <c:pt idx="156">
                  <c:v>484.04320920424465</c:v>
                </c:pt>
                <c:pt idx="157">
                  <c:v>483.9953388318574</c:v>
                </c:pt>
                <c:pt idx="158">
                  <c:v>483.94732484835299</c:v>
                </c:pt>
                <c:pt idx="159">
                  <c:v>483.89916682289805</c:v>
                </c:pt>
                <c:pt idx="160">
                  <c:v>483.85086432336675</c:v>
                </c:pt>
                <c:pt idx="161">
                  <c:v>483.80241691633682</c:v>
                </c:pt>
                <c:pt idx="162">
                  <c:v>483.75382416708584</c:v>
                </c:pt>
                <c:pt idx="163">
                  <c:v>483.70508563958708</c:v>
                </c:pt>
                <c:pt idx="164">
                  <c:v>483.65620089650588</c:v>
                </c:pt>
                <c:pt idx="165">
                  <c:v>483.60716949919538</c:v>
                </c:pt>
                <c:pt idx="166">
                  <c:v>483.55799100769298</c:v>
                </c:pt>
                <c:pt idx="167">
                  <c:v>483.50866498071605</c:v>
                </c:pt>
                <c:pt idx="168">
                  <c:v>483.4591909756582</c:v>
                </c:pt>
                <c:pt idx="169">
                  <c:v>483.40956854858518</c:v>
                </c:pt>
                <c:pt idx="170">
                  <c:v>483.35979725423095</c:v>
                </c:pt>
                <c:pt idx="171">
                  <c:v>483.30987664599365</c:v>
                </c:pt>
                <c:pt idx="172">
                  <c:v>483.25980627593162</c:v>
                </c:pt>
                <c:pt idx="173">
                  <c:v>483.20958569475943</c:v>
                </c:pt>
                <c:pt idx="174">
                  <c:v>483.1592144518437</c:v>
                </c:pt>
                <c:pt idx="175">
                  <c:v>483.10869209519922</c:v>
                </c:pt>
                <c:pt idx="176">
                  <c:v>483.05801817148483</c:v>
                </c:pt>
                <c:pt idx="177">
                  <c:v>483.00719222599929</c:v>
                </c:pt>
                <c:pt idx="178">
                  <c:v>482.95621380267727</c:v>
                </c:pt>
                <c:pt idx="179">
                  <c:v>482.90508244408534</c:v>
                </c:pt>
                <c:pt idx="180">
                  <c:v>482.85379769141758</c:v>
                </c:pt>
                <c:pt idx="181">
                  <c:v>482.80235908449185</c:v>
                </c:pt>
                <c:pt idx="182">
                  <c:v>482.75076616174533</c:v>
                </c:pt>
                <c:pt idx="183">
                  <c:v>482.69901846023055</c:v>
                </c:pt>
                <c:pt idx="184">
                  <c:v>482.64711551561123</c:v>
                </c:pt>
                <c:pt idx="185">
                  <c:v>482.59505686215806</c:v>
                </c:pt>
                <c:pt idx="186">
                  <c:v>482.54284203274455</c:v>
                </c:pt>
                <c:pt idx="187">
                  <c:v>482.49047055884279</c:v>
                </c:pt>
                <c:pt idx="188">
                  <c:v>482.43794197051932</c:v>
                </c:pt>
                <c:pt idx="189">
                  <c:v>482.3852557964309</c:v>
                </c:pt>
                <c:pt idx="190">
                  <c:v>482.33241156382019</c:v>
                </c:pt>
                <c:pt idx="191">
                  <c:v>482.27940879851167</c:v>
                </c:pt>
                <c:pt idx="192">
                  <c:v>482.2262470249072</c:v>
                </c:pt>
                <c:pt idx="193">
                  <c:v>482.17292576598192</c:v>
                </c:pt>
                <c:pt idx="194">
                  <c:v>482.11944454327983</c:v>
                </c:pt>
                <c:pt idx="195">
                  <c:v>482.06580287690969</c:v>
                </c:pt>
                <c:pt idx="196">
                  <c:v>482.01200028554041</c:v>
                </c:pt>
                <c:pt idx="197">
                  <c:v>481.95803628639703</c:v>
                </c:pt>
                <c:pt idx="198">
                  <c:v>481.90391039525622</c:v>
                </c:pt>
                <c:pt idx="199">
                  <c:v>481.849622126442</c:v>
                </c:pt>
                <c:pt idx="200">
                  <c:v>481.79517099282134</c:v>
                </c:pt>
                <c:pt idx="201">
                  <c:v>481.74055650579982</c:v>
                </c:pt>
                <c:pt idx="202">
                  <c:v>481.68577817531718</c:v>
                </c:pt>
                <c:pt idx="203">
                  <c:v>481.63083550984317</c:v>
                </c:pt>
                <c:pt idx="204">
                  <c:v>481.57572801637269</c:v>
                </c:pt>
                <c:pt idx="205">
                  <c:v>481.52045520042179</c:v>
                </c:pt>
                <c:pt idx="206">
                  <c:v>481.46501656602305</c:v>
                </c:pt>
                <c:pt idx="207">
                  <c:v>481.40941161572113</c:v>
                </c:pt>
                <c:pt idx="208">
                  <c:v>481.3536398505683</c:v>
                </c:pt>
                <c:pt idx="209">
                  <c:v>481.29770077012</c:v>
                </c:pt>
                <c:pt idx="210">
                  <c:v>481.24159387243037</c:v>
                </c:pt>
                <c:pt idx="211">
                  <c:v>481.18531865404771</c:v>
                </c:pt>
                <c:pt idx="212">
                  <c:v>481.1288746100098</c:v>
                </c:pt>
                <c:pt idx="213">
                  <c:v>481.07226123383987</c:v>
                </c:pt>
                <c:pt idx="214">
                  <c:v>481.0154780175414</c:v>
                </c:pt>
                <c:pt idx="215">
                  <c:v>480.95852445159403</c:v>
                </c:pt>
                <c:pt idx="216">
                  <c:v>480.90140002494877</c:v>
                </c:pt>
                <c:pt idx="217">
                  <c:v>480.84410422502361</c:v>
                </c:pt>
                <c:pt idx="218">
                  <c:v>480.78663653769871</c:v>
                </c:pt>
                <c:pt idx="219">
                  <c:v>480.72899644731183</c:v>
                </c:pt>
                <c:pt idx="220">
                  <c:v>480.67118343665373</c:v>
                </c:pt>
                <c:pt idx="221">
                  <c:v>480.61319698696371</c:v>
                </c:pt>
                <c:pt idx="222">
                  <c:v>480.55503657792462</c:v>
                </c:pt>
                <c:pt idx="223">
                  <c:v>480.4967016876584</c:v>
                </c:pt>
                <c:pt idx="224">
                  <c:v>480.43819179272134</c:v>
                </c:pt>
                <c:pt idx="225">
                  <c:v>480.37950636809956</c:v>
                </c:pt>
                <c:pt idx="226">
                  <c:v>480.3206448872038</c:v>
                </c:pt>
                <c:pt idx="227">
                  <c:v>480.26160682186543</c:v>
                </c:pt>
                <c:pt idx="228">
                  <c:v>480.20239164233107</c:v>
                </c:pt>
                <c:pt idx="229">
                  <c:v>480.14299881725805</c:v>
                </c:pt>
                <c:pt idx="230">
                  <c:v>480.08342781370982</c:v>
                </c:pt>
                <c:pt idx="231">
                  <c:v>480.02367809715093</c:v>
                </c:pt>
                <c:pt idx="232">
                  <c:v>479.9637491314424</c:v>
                </c:pt>
                <c:pt idx="233">
                  <c:v>479.90364037883671</c:v>
                </c:pt>
                <c:pt idx="234">
                  <c:v>479.84335129997322</c:v>
                </c:pt>
                <c:pt idx="235">
                  <c:v>479.78288135387317</c:v>
                </c:pt>
                <c:pt idx="236">
                  <c:v>479.72222999793479</c:v>
                </c:pt>
                <c:pt idx="237">
                  <c:v>479.66139668792857</c:v>
                </c:pt>
                <c:pt idx="238">
                  <c:v>479.60038087799239</c:v>
                </c:pt>
                <c:pt idx="239">
                  <c:v>479.53918202062636</c:v>
                </c:pt>
                <c:pt idx="240">
                  <c:v>479.47779956668825</c:v>
                </c:pt>
                <c:pt idx="241">
                  <c:v>479.4162329653883</c:v>
                </c:pt>
                <c:pt idx="242">
                  <c:v>479.35448166428449</c:v>
                </c:pt>
                <c:pt idx="243">
                  <c:v>479.29254510927734</c:v>
                </c:pt>
                <c:pt idx="244">
                  <c:v>479.23042274460516</c:v>
                </c:pt>
                <c:pt idx="245">
                  <c:v>479.168114012839</c:v>
                </c:pt>
                <c:pt idx="246">
                  <c:v>479.10561835487749</c:v>
                </c:pt>
                <c:pt idx="247">
                  <c:v>479.04293520994213</c:v>
                </c:pt>
                <c:pt idx="248">
                  <c:v>478.980064015572</c:v>
                </c:pt>
                <c:pt idx="249">
                  <c:v>478.91700420761867</c:v>
                </c:pt>
                <c:pt idx="250">
                  <c:v>478.85375522024157</c:v>
                </c:pt>
                <c:pt idx="251">
                  <c:v>478.79031648590228</c:v>
                </c:pt>
                <c:pt idx="252">
                  <c:v>478.72668743535996</c:v>
                </c:pt>
                <c:pt idx="253">
                  <c:v>478.66286749766607</c:v>
                </c:pt>
                <c:pt idx="254">
                  <c:v>478.59885610015908</c:v>
                </c:pt>
                <c:pt idx="255">
                  <c:v>478.53465266845956</c:v>
                </c:pt>
                <c:pt idx="256">
                  <c:v>478.47025662646496</c:v>
                </c:pt>
                <c:pt idx="257">
                  <c:v>478.40566739634431</c:v>
                </c:pt>
                <c:pt idx="258">
                  <c:v>478.34088439853338</c:v>
                </c:pt>
                <c:pt idx="259">
                  <c:v>478.27590705172895</c:v>
                </c:pt>
                <c:pt idx="260">
                  <c:v>478.21073477288417</c:v>
                </c:pt>
                <c:pt idx="261">
                  <c:v>478.1453669772028</c:v>
                </c:pt>
                <c:pt idx="262">
                  <c:v>478.07980307813443</c:v>
                </c:pt>
                <c:pt idx="263">
                  <c:v>478.01404248736884</c:v>
                </c:pt>
                <c:pt idx="264">
                  <c:v>477.94808461483092</c:v>
                </c:pt>
                <c:pt idx="265">
                  <c:v>477.88192886867546</c:v>
                </c:pt>
                <c:pt idx="266">
                  <c:v>477.81557465528147</c:v>
                </c:pt>
                <c:pt idx="267">
                  <c:v>477.74902137924732</c:v>
                </c:pt>
                <c:pt idx="268">
                  <c:v>477.68226844338506</c:v>
                </c:pt>
                <c:pt idx="269">
                  <c:v>477.61531524871521</c:v>
                </c:pt>
                <c:pt idx="270">
                  <c:v>477.54816119446139</c:v>
                </c:pt>
                <c:pt idx="271">
                  <c:v>477.48080567804476</c:v>
                </c:pt>
                <c:pt idx="272">
                  <c:v>477.41324809507887</c:v>
                </c:pt>
                <c:pt idx="273">
                  <c:v>477.34548783936413</c:v>
                </c:pt>
                <c:pt idx="274">
                  <c:v>477.27752430288223</c:v>
                </c:pt>
                <c:pt idx="275">
                  <c:v>477.20935687579089</c:v>
                </c:pt>
                <c:pt idx="276">
                  <c:v>477.14098494641826</c:v>
                </c:pt>
                <c:pt idx="277">
                  <c:v>477.07240790125752</c:v>
                </c:pt>
                <c:pt idx="278">
                  <c:v>477.00362512496127</c:v>
                </c:pt>
                <c:pt idx="279">
                  <c:v>476.93463600033618</c:v>
                </c:pt>
                <c:pt idx="280">
                  <c:v>476.86543990833718</c:v>
                </c:pt>
                <c:pt idx="281">
                  <c:v>476.79603622806218</c:v>
                </c:pt>
                <c:pt idx="282">
                  <c:v>476.72642433674639</c:v>
                </c:pt>
                <c:pt idx="283">
                  <c:v>476.65660360975664</c:v>
                </c:pt>
                <c:pt idx="284">
                  <c:v>476.58657342058592</c:v>
                </c:pt>
                <c:pt idx="285">
                  <c:v>476.51633314084768</c:v>
                </c:pt>
                <c:pt idx="286">
                  <c:v>476.44588214027021</c:v>
                </c:pt>
                <c:pt idx="287">
                  <c:v>476.37521978669105</c:v>
                </c:pt>
                <c:pt idx="288">
                  <c:v>476.30434544605112</c:v>
                </c:pt>
                <c:pt idx="289">
                  <c:v>476.23325848238926</c:v>
                </c:pt>
                <c:pt idx="290">
                  <c:v>476.16195825783643</c:v>
                </c:pt>
                <c:pt idx="291">
                  <c:v>476.09044413260995</c:v>
                </c:pt>
                <c:pt idx="292">
                  <c:v>476.01871546500774</c:v>
                </c:pt>
                <c:pt idx="293">
                  <c:v>475.94677161140282</c:v>
                </c:pt>
                <c:pt idx="294">
                  <c:v>475.87461192623704</c:v>
                </c:pt>
                <c:pt idx="295">
                  <c:v>475.8022357620157</c:v>
                </c:pt>
                <c:pt idx="296">
                  <c:v>475.72964246930178</c:v>
                </c:pt>
                <c:pt idx="297">
                  <c:v>475.65683139670966</c:v>
                </c:pt>
                <c:pt idx="298">
                  <c:v>475.58380189089985</c:v>
                </c:pt>
                <c:pt idx="299">
                  <c:v>475.51055329657254</c:v>
                </c:pt>
                <c:pt idx="300">
                  <c:v>475.43708495646223</c:v>
                </c:pt>
                <c:pt idx="301">
                  <c:v>475.36339621133163</c:v>
                </c:pt>
                <c:pt idx="302">
                  <c:v>475.28948639996565</c:v>
                </c:pt>
                <c:pt idx="303">
                  <c:v>475.21535485916553</c:v>
                </c:pt>
                <c:pt idx="304">
                  <c:v>475.14100092374304</c:v>
                </c:pt>
                <c:pt idx="305">
                  <c:v>475.06642392651423</c:v>
                </c:pt>
                <c:pt idx="306">
                  <c:v>474.99162319829378</c:v>
                </c:pt>
                <c:pt idx="307">
                  <c:v>474.91659806788869</c:v>
                </c:pt>
                <c:pt idx="308">
                  <c:v>474.84134786209233</c:v>
                </c:pt>
                <c:pt idx="309">
                  <c:v>474.76587190567864</c:v>
                </c:pt>
                <c:pt idx="310">
                  <c:v>474.69016952139566</c:v>
                </c:pt>
                <c:pt idx="311">
                  <c:v>474.61424002995989</c:v>
                </c:pt>
                <c:pt idx="312">
                  <c:v>474.53808275004974</c:v>
                </c:pt>
                <c:pt idx="313">
                  <c:v>474.46169699829989</c:v>
                </c:pt>
                <c:pt idx="314">
                  <c:v>474.38508208929483</c:v>
                </c:pt>
                <c:pt idx="315">
                  <c:v>474.30823733556269</c:v>
                </c:pt>
                <c:pt idx="316">
                  <c:v>474.2311620475694</c:v>
                </c:pt>
                <c:pt idx="317">
                  <c:v>474.15385553371209</c:v>
                </c:pt>
                <c:pt idx="318">
                  <c:v>474.07631710031325</c:v>
                </c:pt>
                <c:pt idx="319">
                  <c:v>473.9985460516142</c:v>
                </c:pt>
                <c:pt idx="320">
                  <c:v>473.92054168976904</c:v>
                </c:pt>
                <c:pt idx="321">
                  <c:v>473.84230331483832</c:v>
                </c:pt>
                <c:pt idx="322">
                  <c:v>473.76383022478285</c:v>
                </c:pt>
                <c:pt idx="323">
                  <c:v>473.68512171545723</c:v>
                </c:pt>
                <c:pt idx="324">
                  <c:v>473.60617708060357</c:v>
                </c:pt>
                <c:pt idx="325">
                  <c:v>473.52699561184539</c:v>
                </c:pt>
                <c:pt idx="326">
                  <c:v>473.44757659868094</c:v>
                </c:pt>
                <c:pt idx="327">
                  <c:v>473.367919328477</c:v>
                </c:pt>
                <c:pt idx="328">
                  <c:v>473.28802308646243</c:v>
                </c:pt>
                <c:pt idx="329">
                  <c:v>473.20788715572183</c:v>
                </c:pt>
                <c:pt idx="330">
                  <c:v>473.12751081718898</c:v>
                </c:pt>
                <c:pt idx="331">
                  <c:v>473.04689334964053</c:v>
                </c:pt>
                <c:pt idx="332">
                  <c:v>472.96603402968947</c:v>
                </c:pt>
                <c:pt idx="333">
                  <c:v>472.88493213177856</c:v>
                </c:pt>
                <c:pt idx="334">
                  <c:v>472.8035869281739</c:v>
                </c:pt>
                <c:pt idx="335">
                  <c:v>472.72199768895842</c:v>
                </c:pt>
                <c:pt idx="336">
                  <c:v>472.64016368202527</c:v>
                </c:pt>
                <c:pt idx="337">
                  <c:v>472.55808417307139</c:v>
                </c:pt>
                <c:pt idx="338">
                  <c:v>472.47575842559058</c:v>
                </c:pt>
                <c:pt idx="339">
                  <c:v>472.39318570086738</c:v>
                </c:pt>
                <c:pt idx="340">
                  <c:v>472.31036525796998</c:v>
                </c:pt>
                <c:pt idx="341">
                  <c:v>472.2272963537439</c:v>
                </c:pt>
                <c:pt idx="342">
                  <c:v>472.14397824280513</c:v>
                </c:pt>
                <c:pt idx="343">
                  <c:v>472.06041017753353</c:v>
                </c:pt>
                <c:pt idx="344">
                  <c:v>471.97659140806616</c:v>
                </c:pt>
                <c:pt idx="345">
                  <c:v>471.89252118229035</c:v>
                </c:pt>
                <c:pt idx="346">
                  <c:v>471.80819874583722</c:v>
                </c:pt>
                <c:pt idx="347">
                  <c:v>471.72362334207475</c:v>
                </c:pt>
                <c:pt idx="348">
                  <c:v>471.63879421210095</c:v>
                </c:pt>
                <c:pt idx="349">
                  <c:v>471.55371059473725</c:v>
                </c:pt>
                <c:pt idx="350">
                  <c:v>471.46837172652147</c:v>
                </c:pt>
                <c:pt idx="351">
                  <c:v>471.38277684170106</c:v>
                </c:pt>
                <c:pt idx="352">
                  <c:v>471.29692517222617</c:v>
                </c:pt>
                <c:pt idx="353">
                  <c:v>471.21081594774284</c:v>
                </c:pt>
                <c:pt idx="354">
                  <c:v>471.12444839558606</c:v>
                </c:pt>
                <c:pt idx="355">
                  <c:v>471.03782174077287</c:v>
                </c:pt>
                <c:pt idx="356">
                  <c:v>470.95093520599517</c:v>
                </c:pt>
                <c:pt idx="357">
                  <c:v>470.86378801161317</c:v>
                </c:pt>
                <c:pt idx="358">
                  <c:v>470.77637937564799</c:v>
                </c:pt>
                <c:pt idx="359">
                  <c:v>470.68870851377494</c:v>
                </c:pt>
                <c:pt idx="360">
                  <c:v>470.60077463931628</c:v>
                </c:pt>
                <c:pt idx="361">
                  <c:v>470.51257696323421</c:v>
                </c:pt>
                <c:pt idx="362">
                  <c:v>470.42411469412394</c:v>
                </c:pt>
                <c:pt idx="363">
                  <c:v>470.33538703820631</c:v>
                </c:pt>
                <c:pt idx="364">
                  <c:v>470.24639319932089</c:v>
                </c:pt>
                <c:pt idx="365">
                  <c:v>470.1571323789189</c:v>
                </c:pt>
                <c:pt idx="366">
                  <c:v>470.06760377605565</c:v>
                </c:pt>
                <c:pt idx="367">
                  <c:v>469.97780658738384</c:v>
                </c:pt>
                <c:pt idx="368">
                  <c:v>469.88774000714596</c:v>
                </c:pt>
                <c:pt idx="369">
                  <c:v>469.79740322716742</c:v>
                </c:pt>
                <c:pt idx="370">
                  <c:v>469.70679543684889</c:v>
                </c:pt>
                <c:pt idx="371">
                  <c:v>469.61591582315947</c:v>
                </c:pt>
                <c:pt idx="372">
                  <c:v>469.52476357062898</c:v>
                </c:pt>
                <c:pt idx="373">
                  <c:v>469.43333786134087</c:v>
                </c:pt>
                <c:pt idx="374">
                  <c:v>469.34163787492486</c:v>
                </c:pt>
                <c:pt idx="375">
                  <c:v>469.24966278854964</c:v>
                </c:pt>
                <c:pt idx="376">
                  <c:v>469.1574117769153</c:v>
                </c:pt>
                <c:pt idx="377">
                  <c:v>469.06488401224607</c:v>
                </c:pt>
                <c:pt idx="378">
                  <c:v>468.97207866428278</c:v>
                </c:pt>
                <c:pt idx="379">
                  <c:v>468.87899490027564</c:v>
                </c:pt>
                <c:pt idx="380">
                  <c:v>468.78563188497645</c:v>
                </c:pt>
                <c:pt idx="381">
                  <c:v>468.69198878063139</c:v>
                </c:pt>
                <c:pt idx="382">
                  <c:v>468.59806474697331</c:v>
                </c:pt>
                <c:pt idx="383">
                  <c:v>468.50385894121428</c:v>
                </c:pt>
                <c:pt idx="384">
                  <c:v>468.40937051803792</c:v>
                </c:pt>
                <c:pt idx="385">
                  <c:v>468.31459862959201</c:v>
                </c:pt>
                <c:pt idx="386">
                  <c:v>468.21954242548077</c:v>
                </c:pt>
                <c:pt idx="387">
                  <c:v>468.12420105275726</c:v>
                </c:pt>
                <c:pt idx="388">
                  <c:v>468.02857365591552</c:v>
                </c:pt>
                <c:pt idx="389">
                  <c:v>467.93265937688324</c:v>
                </c:pt>
                <c:pt idx="390">
                  <c:v>467.83645735501392</c:v>
                </c:pt>
                <c:pt idx="391">
                  <c:v>467.73996672707898</c:v>
                </c:pt>
                <c:pt idx="392">
                  <c:v>467.64318662726021</c:v>
                </c:pt>
                <c:pt idx="393">
                  <c:v>467.54611618714199</c:v>
                </c:pt>
                <c:pt idx="394">
                  <c:v>467.44875453570342</c:v>
                </c:pt>
                <c:pt idx="395">
                  <c:v>467.35110079931053</c:v>
                </c:pt>
                <c:pt idx="396">
                  <c:v>467.25315410170845</c:v>
                </c:pt>
                <c:pt idx="397">
                  <c:v>467.15491356401361</c:v>
                </c:pt>
                <c:pt idx="398">
                  <c:v>467.05637830470562</c:v>
                </c:pt>
                <c:pt idx="399">
                  <c:v>466.95754743961976</c:v>
                </c:pt>
                <c:pt idx="400">
                  <c:v>466.85842008193862</c:v>
                </c:pt>
                <c:pt idx="401">
                  <c:v>466.75899534218445</c:v>
                </c:pt>
                <c:pt idx="402">
                  <c:v>466.65927232821099</c:v>
                </c:pt>
                <c:pt idx="403">
                  <c:v>466.55925014519562</c:v>
                </c:pt>
                <c:pt idx="404">
                  <c:v>466.45892789563123</c:v>
                </c:pt>
                <c:pt idx="405">
                  <c:v>466.35830467931811</c:v>
                </c:pt>
                <c:pt idx="406">
                  <c:v>466.25737959335606</c:v>
                </c:pt>
                <c:pt idx="407">
                  <c:v>466.15615173213615</c:v>
                </c:pt>
                <c:pt idx="408">
                  <c:v>466.0546201873326</c:v>
                </c:pt>
                <c:pt idx="409">
                  <c:v>465.95278404789457</c:v>
                </c:pt>
                <c:pt idx="410">
                  <c:v>465.85064240003828</c:v>
                </c:pt>
                <c:pt idx="411">
                  <c:v>465.74819432723837</c:v>
                </c:pt>
                <c:pt idx="412">
                  <c:v>465.64543891022009</c:v>
                </c:pt>
                <c:pt idx="413">
                  <c:v>465.54237522695075</c:v>
                </c:pt>
                <c:pt idx="414">
                  <c:v>465.43900235263163</c:v>
                </c:pt>
                <c:pt idx="415">
                  <c:v>465.33531935968955</c:v>
                </c:pt>
                <c:pt idx="416">
                  <c:v>465.23132531776861</c:v>
                </c:pt>
                <c:pt idx="417">
                  <c:v>465.1270192937219</c:v>
                </c:pt>
                <c:pt idx="418">
                  <c:v>465.0224003516031</c:v>
                </c:pt>
                <c:pt idx="419">
                  <c:v>464.91746755265791</c:v>
                </c:pt>
                <c:pt idx="420">
                  <c:v>464.81221995531587</c:v>
                </c:pt>
                <c:pt idx="421">
                  <c:v>464.70665661518183</c:v>
                </c:pt>
                <c:pt idx="422">
                  <c:v>464.60077658502735</c:v>
                </c:pt>
                <c:pt idx="423">
                  <c:v>464.49457891478244</c:v>
                </c:pt>
                <c:pt idx="424">
                  <c:v>464.38806265152681</c:v>
                </c:pt>
                <c:pt idx="425">
                  <c:v>464.28122683948141</c:v>
                </c:pt>
                <c:pt idx="426">
                  <c:v>464.17407051999987</c:v>
                </c:pt>
                <c:pt idx="427">
                  <c:v>464.06659273155987</c:v>
                </c:pt>
                <c:pt idx="428">
                  <c:v>463.95879250975452</c:v>
                </c:pt>
                <c:pt idx="429">
                  <c:v>463.8506688872838</c:v>
                </c:pt>
                <c:pt idx="430">
                  <c:v>463.74222089394567</c:v>
                </c:pt>
                <c:pt idx="431">
                  <c:v>463.63344755662752</c:v>
                </c:pt>
                <c:pt idx="432">
                  <c:v>463.52434789929737</c:v>
                </c:pt>
                <c:pt idx="433">
                  <c:v>463.41492094299531</c:v>
                </c:pt>
                <c:pt idx="434">
                  <c:v>463.30516570582427</c:v>
                </c:pt>
                <c:pt idx="435">
                  <c:v>463.19508120294176</c:v>
                </c:pt>
                <c:pt idx="436">
                  <c:v>463.08466644655056</c:v>
                </c:pt>
                <c:pt idx="437">
                  <c:v>462.97392044589026</c:v>
                </c:pt>
                <c:pt idx="438">
                  <c:v>462.86284220722791</c:v>
                </c:pt>
                <c:pt idx="439">
                  <c:v>462.75143073384959</c:v>
                </c:pt>
                <c:pt idx="440">
                  <c:v>462.63968502605115</c:v>
                </c:pt>
                <c:pt idx="441">
                  <c:v>462.52760408112931</c:v>
                </c:pt>
                <c:pt idx="442">
                  <c:v>462.41518689337272</c:v>
                </c:pt>
                <c:pt idx="443">
                  <c:v>462.30243245405285</c:v>
                </c:pt>
                <c:pt idx="444">
                  <c:v>462.18933975141499</c:v>
                </c:pt>
                <c:pt idx="445">
                  <c:v>462.07590777066923</c:v>
                </c:pt>
                <c:pt idx="446">
                  <c:v>461.96213549398124</c:v>
                </c:pt>
                <c:pt idx="447">
                  <c:v>461.84802190046321</c:v>
                </c:pt>
                <c:pt idx="448">
                  <c:v>461.73356596616463</c:v>
                </c:pt>
                <c:pt idx="449">
                  <c:v>461.61876666406312</c:v>
                </c:pt>
                <c:pt idx="450">
                  <c:v>461.5036229640553</c:v>
                </c:pt>
                <c:pt idx="451">
                  <c:v>461.38813383294746</c:v>
                </c:pt>
                <c:pt idx="452">
                  <c:v>461.27229823444634</c:v>
                </c:pt>
                <c:pt idx="453">
                  <c:v>461.15611512914967</c:v>
                </c:pt>
                <c:pt idx="454">
                  <c:v>461.0395834745371</c:v>
                </c:pt>
                <c:pt idx="455">
                  <c:v>460.92270222496074</c:v>
                </c:pt>
                <c:pt idx="456">
                  <c:v>460.8054703316356</c:v>
                </c:pt>
                <c:pt idx="457">
                  <c:v>460.68788674263055</c:v>
                </c:pt>
                <c:pt idx="458">
                  <c:v>460.56995040285841</c:v>
                </c:pt>
                <c:pt idx="459">
                  <c:v>460.45166025406701</c:v>
                </c:pt>
                <c:pt idx="460">
                  <c:v>460.33301523482919</c:v>
                </c:pt>
                <c:pt idx="461">
                  <c:v>460.21401428053372</c:v>
                </c:pt>
                <c:pt idx="462">
                  <c:v>460.09465632337532</c:v>
                </c:pt>
                <c:pt idx="463">
                  <c:v>459.97494029234542</c:v>
                </c:pt>
                <c:pt idx="464">
                  <c:v>459.8548651132225</c:v>
                </c:pt>
                <c:pt idx="465">
                  <c:v>459.73442970856217</c:v>
                </c:pt>
                <c:pt idx="466">
                  <c:v>459.61363299768783</c:v>
                </c:pt>
                <c:pt idx="467">
                  <c:v>459.49247389668091</c:v>
                </c:pt>
                <c:pt idx="468">
                  <c:v>459.370951318371</c:v>
                </c:pt>
                <c:pt idx="469">
                  <c:v>459.24906417232609</c:v>
                </c:pt>
                <c:pt idx="470">
                  <c:v>459.12681136484309</c:v>
                </c:pt>
                <c:pt idx="471">
                  <c:v>459.0041917989376</c:v>
                </c:pt>
                <c:pt idx="472">
                  <c:v>458.8812043743344</c:v>
                </c:pt>
                <c:pt idx="473">
                  <c:v>458.75784798745741</c:v>
                </c:pt>
                <c:pt idx="474">
                  <c:v>458.63412153141979</c:v>
                </c:pt>
                <c:pt idx="475">
                  <c:v>458.5100238960141</c:v>
                </c:pt>
                <c:pt idx="476">
                  <c:v>458.38555396770209</c:v>
                </c:pt>
                <c:pt idx="477">
                  <c:v>458.26071062960523</c:v>
                </c:pt>
                <c:pt idx="478">
                  <c:v>458.13549276149405</c:v>
                </c:pt>
                <c:pt idx="479">
                  <c:v>458.00989923977858</c:v>
                </c:pt>
                <c:pt idx="480">
                  <c:v>457.8839289374979</c:v>
                </c:pt>
                <c:pt idx="481">
                  <c:v>457.7575807243104</c:v>
                </c:pt>
                <c:pt idx="482">
                  <c:v>457.6308534664833</c:v>
                </c:pt>
                <c:pt idx="483">
                  <c:v>457.50374602688277</c:v>
                </c:pt>
                <c:pt idx="484">
                  <c:v>457.37625726496344</c:v>
                </c:pt>
                <c:pt idx="485">
                  <c:v>457.24838603675835</c:v>
                </c:pt>
                <c:pt idx="486">
                  <c:v>457.12013119486863</c:v>
                </c:pt>
                <c:pt idx="487">
                  <c:v>456.99149158845324</c:v>
                </c:pt>
                <c:pt idx="488">
                  <c:v>456.86246606321856</c:v>
                </c:pt>
                <c:pt idx="489">
                  <c:v>456.73305346140825</c:v>
                </c:pt>
                <c:pt idx="490">
                  <c:v>456.60325262179248</c:v>
                </c:pt>
                <c:pt idx="491">
                  <c:v>456.47306237965785</c:v>
                </c:pt>
                <c:pt idx="492">
                  <c:v>456.34248156679683</c:v>
                </c:pt>
                <c:pt idx="493">
                  <c:v>456.21150901149724</c:v>
                </c:pt>
                <c:pt idx="494">
                  <c:v>456.08014353853173</c:v>
                </c:pt>
                <c:pt idx="495">
                  <c:v>455.94838396914736</c:v>
                </c:pt>
                <c:pt idx="496">
                  <c:v>455.81622912105479</c:v>
                </c:pt>
                <c:pt idx="497">
                  <c:v>455.68367780841794</c:v>
                </c:pt>
                <c:pt idx="498">
                  <c:v>455.55072884184324</c:v>
                </c:pt>
                <c:pt idx="499">
                  <c:v>455.41738102836871</c:v>
                </c:pt>
                <c:pt idx="500">
                  <c:v>455.28363317145386</c:v>
                </c:pt>
                <c:pt idx="501">
                  <c:v>455.14948407096824</c:v>
                </c:pt>
                <c:pt idx="502">
                  <c:v>455.01493252318113</c:v>
                </c:pt>
                <c:pt idx="503">
                  <c:v>454.8799773207507</c:v>
                </c:pt>
                <c:pt idx="504">
                  <c:v>454.74461725271294</c:v>
                </c:pt>
                <c:pt idx="505">
                  <c:v>454.60885110447111</c:v>
                </c:pt>
                <c:pt idx="506">
                  <c:v>454.47267765778452</c:v>
                </c:pt>
                <c:pt idx="507">
                  <c:v>454.33609569075787</c:v>
                </c:pt>
                <c:pt idx="508">
                  <c:v>454.19910397783013</c:v>
                </c:pt>
                <c:pt idx="509">
                  <c:v>454.06170128976362</c:v>
                </c:pt>
                <c:pt idx="510">
                  <c:v>453.92388639363293</c:v>
                </c:pt>
                <c:pt idx="511">
                  <c:v>453.78565805281386</c:v>
                </c:pt>
                <c:pt idx="512">
                  <c:v>453.64701502697233</c:v>
                </c:pt>
                <c:pt idx="513">
                  <c:v>453.50795607205322</c:v>
                </c:pt>
                <c:pt idx="514">
                  <c:v>453.36847994026937</c:v>
                </c:pt>
                <c:pt idx="515">
                  <c:v>453.22858538009018</c:v>
                </c:pt>
                <c:pt idx="516">
                  <c:v>453.08827113623045</c:v>
                </c:pt>
                <c:pt idx="517">
                  <c:v>452.94753594963919</c:v>
                </c:pt>
                <c:pt idx="518">
                  <c:v>452.80637855748807</c:v>
                </c:pt>
                <c:pt idx="519">
                  <c:v>452.66479769316055</c:v>
                </c:pt>
                <c:pt idx="520">
                  <c:v>452.52279208624009</c:v>
                </c:pt>
                <c:pt idx="521">
                  <c:v>452.3803604624988</c:v>
                </c:pt>
                <c:pt idx="522">
                  <c:v>452.23750154388631</c:v>
                </c:pt>
                <c:pt idx="523">
                  <c:v>452.09421404851793</c:v>
                </c:pt>
                <c:pt idx="524">
                  <c:v>451.9504966906635</c:v>
                </c:pt>
                <c:pt idx="525">
                  <c:v>451.80634818073548</c:v>
                </c:pt>
                <c:pt idx="526">
                  <c:v>451.66176722527774</c:v>
                </c:pt>
                <c:pt idx="527">
                  <c:v>451.51675252695355</c:v>
                </c:pt>
                <c:pt idx="528">
                  <c:v>451.37130278453441</c:v>
                </c:pt>
                <c:pt idx="529">
                  <c:v>451.22541669288802</c:v>
                </c:pt>
                <c:pt idx="530">
                  <c:v>451.07909294296672</c:v>
                </c:pt>
                <c:pt idx="531">
                  <c:v>450.93233022179561</c:v>
                </c:pt>
                <c:pt idx="532">
                  <c:v>450.78512721246102</c:v>
                </c:pt>
                <c:pt idx="533">
                  <c:v>450.6374825940984</c:v>
                </c:pt>
                <c:pt idx="534">
                  <c:v>450.4893950418807</c:v>
                </c:pt>
                <c:pt idx="535">
                  <c:v>450.34086322700637</c:v>
                </c:pt>
                <c:pt idx="536">
                  <c:v>450.19188581668737</c:v>
                </c:pt>
                <c:pt idx="537">
                  <c:v>450.04246147413744</c:v>
                </c:pt>
                <c:pt idx="538">
                  <c:v>449.89258885855986</c:v>
                </c:pt>
                <c:pt idx="539">
                  <c:v>449.74226662513553</c:v>
                </c:pt>
                <c:pt idx="540">
                  <c:v>449.59149342501098</c:v>
                </c:pt>
                <c:pt idx="541">
                  <c:v>449.44026790528602</c:v>
                </c:pt>
                <c:pt idx="542">
                  <c:v>449.28858870900189</c:v>
                </c:pt>
                <c:pt idx="543">
                  <c:v>449.13645447512886</c:v>
                </c:pt>
                <c:pt idx="544">
                  <c:v>448.98386383855427</c:v>
                </c:pt>
                <c:pt idx="545">
                  <c:v>448.83081543006995</c:v>
                </c:pt>
                <c:pt idx="546">
                  <c:v>448.67730787636015</c:v>
                </c:pt>
                <c:pt idx="547">
                  <c:v>448.52333979998923</c:v>
                </c:pt>
                <c:pt idx="548">
                  <c:v>448.36890981938922</c:v>
                </c:pt>
                <c:pt idx="549">
                  <c:v>448.21401654884738</c:v>
                </c:pt>
                <c:pt idx="550">
                  <c:v>448.05865859849393</c:v>
                </c:pt>
                <c:pt idx="551">
                  <c:v>447.90283457428944</c:v>
                </c:pt>
                <c:pt idx="552">
                  <c:v>447.74654307801234</c:v>
                </c:pt>
                <c:pt idx="553">
                  <c:v>447.58978270724634</c:v>
                </c:pt>
                <c:pt idx="554">
                  <c:v>447.43255205536809</c:v>
                </c:pt>
                <c:pt idx="555">
                  <c:v>447.27484971153422</c:v>
                </c:pt>
                <c:pt idx="556">
                  <c:v>447.11667426066879</c:v>
                </c:pt>
                <c:pt idx="557">
                  <c:v>446.95802428345081</c:v>
                </c:pt>
                <c:pt idx="558">
                  <c:v>446.79889835630121</c:v>
                </c:pt>
                <c:pt idx="559">
                  <c:v>446.63929505137008</c:v>
                </c:pt>
                <c:pt idx="560">
                  <c:v>446.47921293652422</c:v>
                </c:pt>
                <c:pt idx="561">
                  <c:v>446.31865057533378</c:v>
                </c:pt>
                <c:pt idx="562">
                  <c:v>446.15760652705978</c:v>
                </c:pt>
                <c:pt idx="563">
                  <c:v>445.99607934664095</c:v>
                </c:pt>
                <c:pt idx="564">
                  <c:v>445.83406758468089</c:v>
                </c:pt>
                <c:pt idx="565">
                  <c:v>445.67156978743498</c:v>
                </c:pt>
                <c:pt idx="566">
                  <c:v>445.50858449679731</c:v>
                </c:pt>
                <c:pt idx="567">
                  <c:v>445.34511025028769</c:v>
                </c:pt>
                <c:pt idx="568">
                  <c:v>445.18114558103855</c:v>
                </c:pt>
                <c:pt idx="569">
                  <c:v>445.01668901778169</c:v>
                </c:pt>
                <c:pt idx="570">
                  <c:v>444.851739084835</c:v>
                </c:pt>
                <c:pt idx="571">
                  <c:v>444.68629430208955</c:v>
                </c:pt>
                <c:pt idx="572">
                  <c:v>444.52035318499583</c:v>
                </c:pt>
                <c:pt idx="573">
                  <c:v>444.35391424455082</c:v>
                </c:pt>
                <c:pt idx="574">
                  <c:v>444.18697598728448</c:v>
                </c:pt>
                <c:pt idx="575">
                  <c:v>444.01953691524636</c:v>
                </c:pt>
                <c:pt idx="576">
                  <c:v>443.85159552599208</c:v>
                </c:pt>
                <c:pt idx="577">
                  <c:v>443.68315031257004</c:v>
                </c:pt>
                <c:pt idx="578">
                  <c:v>443.5141997635078</c:v>
                </c:pt>
                <c:pt idx="579">
                  <c:v>443.34474236279834</c:v>
                </c:pt>
                <c:pt idx="580">
                  <c:v>443.17477658988673</c:v>
                </c:pt>
                <c:pt idx="581">
                  <c:v>443.00430091965637</c:v>
                </c:pt>
                <c:pt idx="582">
                  <c:v>442.83331382241533</c:v>
                </c:pt>
                <c:pt idx="583">
                  <c:v>442.66181376388261</c:v>
                </c:pt>
                <c:pt idx="584">
                  <c:v>442.48979920517428</c:v>
                </c:pt>
                <c:pt idx="585">
                  <c:v>442.3172686027898</c:v>
                </c:pt>
                <c:pt idx="586">
                  <c:v>442.14422040859819</c:v>
                </c:pt>
                <c:pt idx="587">
                  <c:v>441.97065306982398</c:v>
                </c:pt>
                <c:pt idx="588">
                  <c:v>441.79656502903345</c:v>
                </c:pt>
                <c:pt idx="589">
                  <c:v>441.62195472412054</c:v>
                </c:pt>
                <c:pt idx="590">
                  <c:v>441.44682058829295</c:v>
                </c:pt>
                <c:pt idx="591">
                  <c:v>441.2711610500578</c:v>
                </c:pt>
                <c:pt idx="592">
                  <c:v>441.09497453320802</c:v>
                </c:pt>
                <c:pt idx="593">
                  <c:v>440.91825945680762</c:v>
                </c:pt>
                <c:pt idx="594">
                  <c:v>440.74101423517806</c:v>
                </c:pt>
                <c:pt idx="595">
                  <c:v>440.56323727788362</c:v>
                </c:pt>
                <c:pt idx="596">
                  <c:v>440.38492698971726</c:v>
                </c:pt>
                <c:pt idx="597">
                  <c:v>440.20608177068641</c:v>
                </c:pt>
                <c:pt idx="598">
                  <c:v>440.02670001599847</c:v>
                </c:pt>
                <c:pt idx="599">
                  <c:v>439.84678011604649</c:v>
                </c:pt>
                <c:pt idx="600">
                  <c:v>439.66632045639466</c:v>
                </c:pt>
                <c:pt idx="601">
                  <c:v>439.48531941776383</c:v>
                </c:pt>
                <c:pt idx="602">
                  <c:v>439.30377537601714</c:v>
                </c:pt>
                <c:pt idx="603">
                  <c:v>439.12168670214521</c:v>
                </c:pt>
                <c:pt idx="604">
                  <c:v>438.93905176225167</c:v>
                </c:pt>
                <c:pt idx="605">
                  <c:v>438.75586891753841</c:v>
                </c:pt>
                <c:pt idx="606">
                  <c:v>438.57213652429101</c:v>
                </c:pt>
                <c:pt idx="607">
                  <c:v>438.38785293386388</c:v>
                </c:pt>
                <c:pt idx="608">
                  <c:v>438.20301649266548</c:v>
                </c:pt>
                <c:pt idx="609">
                  <c:v>438.01762554214349</c:v>
                </c:pt>
                <c:pt idx="610">
                  <c:v>437.83167841876997</c:v>
                </c:pt>
                <c:pt idx="611">
                  <c:v>437.64517345402629</c:v>
                </c:pt>
                <c:pt idx="612">
                  <c:v>437.45810897438832</c:v>
                </c:pt>
                <c:pt idx="613">
                  <c:v>437.27048330131151</c:v>
                </c:pt>
                <c:pt idx="614">
                  <c:v>437.0822947512155</c:v>
                </c:pt>
                <c:pt idx="615">
                  <c:v>436.89354163546915</c:v>
                </c:pt>
                <c:pt idx="616">
                  <c:v>436.70422226037556</c:v>
                </c:pt>
                <c:pt idx="617">
                  <c:v>436.51433492715665</c:v>
                </c:pt>
                <c:pt idx="618">
                  <c:v>436.32387793193817</c:v>
                </c:pt>
                <c:pt idx="619">
                  <c:v>436.13284956573398</c:v>
                </c:pt>
                <c:pt idx="620">
                  <c:v>435.94124811443118</c:v>
                </c:pt>
                <c:pt idx="621">
                  <c:v>435.74907185877447</c:v>
                </c:pt>
                <c:pt idx="622">
                  <c:v>435.55631907435082</c:v>
                </c:pt>
                <c:pt idx="623">
                  <c:v>435.36298803157388</c:v>
                </c:pt>
                <c:pt idx="624">
                  <c:v>435.1690769956686</c:v>
                </c:pt>
                <c:pt idx="625">
                  <c:v>434.97458422665562</c:v>
                </c:pt>
                <c:pt idx="626">
                  <c:v>434.77950797933556</c:v>
                </c:pt>
                <c:pt idx="627">
                  <c:v>434.58384650327361</c:v>
                </c:pt>
                <c:pt idx="628">
                  <c:v>434.38759804278345</c:v>
                </c:pt>
                <c:pt idx="629">
                  <c:v>434.19076083691181</c:v>
                </c:pt>
                <c:pt idx="630">
                  <c:v>433.99333311942257</c:v>
                </c:pt>
                <c:pt idx="631">
                  <c:v>433.79531311878083</c:v>
                </c:pt>
                <c:pt idx="632">
                  <c:v>433.59669905813718</c:v>
                </c:pt>
                <c:pt idx="633">
                  <c:v>433.39748915531158</c:v>
                </c:pt>
                <c:pt idx="634">
                  <c:v>433.19768162277751</c:v>
                </c:pt>
                <c:pt idx="635">
                  <c:v>432.99727466764585</c:v>
                </c:pt>
                <c:pt idx="636">
                  <c:v>432.79626649164879</c:v>
                </c:pt>
                <c:pt idx="637">
                  <c:v>432.59465529112379</c:v>
                </c:pt>
                <c:pt idx="638">
                  <c:v>432.39243925699714</c:v>
                </c:pt>
                <c:pt idx="639">
                  <c:v>432.18961657476814</c:v>
                </c:pt>
                <c:pt idx="640">
                  <c:v>431.98618542449248</c:v>
                </c:pt>
                <c:pt idx="641">
                  <c:v>431.78214398076597</c:v>
                </c:pt>
                <c:pt idx="642">
                  <c:v>431.57749041270824</c:v>
                </c:pt>
                <c:pt idx="643">
                  <c:v>431.37222288394639</c:v>
                </c:pt>
                <c:pt idx="644">
                  <c:v>431.16633955259829</c:v>
                </c:pt>
                <c:pt idx="645">
                  <c:v>430.95983857125606</c:v>
                </c:pt>
                <c:pt idx="646">
                  <c:v>430.75271808696982</c:v>
                </c:pt>
                <c:pt idx="647">
                  <c:v>430.54497624123076</c:v>
                </c:pt>
                <c:pt idx="648">
                  <c:v>430.33661116995444</c:v>
                </c:pt>
                <c:pt idx="649">
                  <c:v>430.12762100346436</c:v>
                </c:pt>
                <c:pt idx="650">
                  <c:v>429.91800386647475</c:v>
                </c:pt>
                <c:pt idx="651">
                  <c:v>429.70775787807418</c:v>
                </c:pt>
                <c:pt idx="652">
                  <c:v>429.49688115170841</c:v>
                </c:pt>
                <c:pt idx="653">
                  <c:v>429.28537179516354</c:v>
                </c:pt>
                <c:pt idx="654">
                  <c:v>429.07322791054901</c:v>
                </c:pt>
                <c:pt idx="655">
                  <c:v>428.86044759428069</c:v>
                </c:pt>
                <c:pt idx="656">
                  <c:v>428.64702893706351</c:v>
                </c:pt>
                <c:pt idx="657">
                  <c:v>428.43297002387476</c:v>
                </c:pt>
                <c:pt idx="658">
                  <c:v>428.21826893394638</c:v>
                </c:pt>
                <c:pt idx="659">
                  <c:v>428.0029237407482</c:v>
                </c:pt>
                <c:pt idx="660">
                  <c:v>427.78693251197046</c:v>
                </c:pt>
                <c:pt idx="661">
                  <c:v>427.57029330950638</c:v>
                </c:pt>
                <c:pt idx="662">
                  <c:v>427.35300418943496</c:v>
                </c:pt>
                <c:pt idx="663">
                  <c:v>427.13506320200327</c:v>
                </c:pt>
                <c:pt idx="664">
                  <c:v>426.91646839160927</c:v>
                </c:pt>
                <c:pt idx="665">
                  <c:v>426.69721779678412</c:v>
                </c:pt>
                <c:pt idx="666">
                  <c:v>426.47730945017446</c:v>
                </c:pt>
                <c:pt idx="667">
                  <c:v>426.25674137852502</c:v>
                </c:pt>
                <c:pt idx="668">
                  <c:v>426.03551160266056</c:v>
                </c:pt>
                <c:pt idx="669">
                  <c:v>425.81361813746855</c:v>
                </c:pt>
                <c:pt idx="670">
                  <c:v>425.59105899188097</c:v>
                </c:pt>
                <c:pt idx="671">
                  <c:v>425.36783216885664</c:v>
                </c:pt>
                <c:pt idx="672">
                  <c:v>425.14393566536319</c:v>
                </c:pt>
                <c:pt idx="673">
                  <c:v>424.91936747235934</c:v>
                </c:pt>
                <c:pt idx="674">
                  <c:v>424.69412557477642</c:v>
                </c:pt>
                <c:pt idx="675">
                  <c:v>424.46820795150074</c:v>
                </c:pt>
                <c:pt idx="676">
                  <c:v>424.24161257535525</c:v>
                </c:pt>
                <c:pt idx="677">
                  <c:v>424.01433741308131</c:v>
                </c:pt>
                <c:pt idx="678">
                  <c:v>423.7863804253206</c:v>
                </c:pt>
                <c:pt idx="679">
                  <c:v>423.55773956659652</c:v>
                </c:pt>
                <c:pt idx="680">
                  <c:v>423.32841278529634</c:v>
                </c:pt>
                <c:pt idx="681">
                  <c:v>423.09839802365229</c:v>
                </c:pt>
                <c:pt idx="682">
                  <c:v>422.86769321772323</c:v>
                </c:pt>
                <c:pt idx="683">
                  <c:v>422.63629629737636</c:v>
                </c:pt>
                <c:pt idx="684">
                  <c:v>422.40420518626854</c:v>
                </c:pt>
                <c:pt idx="685">
                  <c:v>422.17141780182737</c:v>
                </c:pt>
                <c:pt idx="686">
                  <c:v>421.93793205523286</c:v>
                </c:pt>
                <c:pt idx="687">
                  <c:v>421.70374585139854</c:v>
                </c:pt>
                <c:pt idx="688">
                  <c:v>421.46885708895275</c:v>
                </c:pt>
                <c:pt idx="689">
                  <c:v>421.23326366021962</c:v>
                </c:pt>
                <c:pt idx="690">
                  <c:v>420.99696345120026</c:v>
                </c:pt>
                <c:pt idx="691">
                  <c:v>420.75995434155391</c:v>
                </c:pt>
                <c:pt idx="692">
                  <c:v>420.52223420457858</c:v>
                </c:pt>
                <c:pt idx="693">
                  <c:v>420.28380090719236</c:v>
                </c:pt>
                <c:pt idx="694">
                  <c:v>420.04465230991389</c:v>
                </c:pt>
                <c:pt idx="695">
                  <c:v>419.80478626684368</c:v>
                </c:pt>
                <c:pt idx="696">
                  <c:v>419.56420062564422</c:v>
                </c:pt>
                <c:pt idx="697">
                  <c:v>419.32289322752115</c:v>
                </c:pt>
                <c:pt idx="698">
                  <c:v>419.08086190720371</c:v>
                </c:pt>
                <c:pt idx="699">
                  <c:v>418.83810449292537</c:v>
                </c:pt>
                <c:pt idx="700">
                  <c:v>418.59461880640413</c:v>
                </c:pt>
                <c:pt idx="701">
                  <c:v>418.35040266282334</c:v>
                </c:pt>
                <c:pt idx="702">
                  <c:v>418.10545387081186</c:v>
                </c:pt>
                <c:pt idx="703">
                  <c:v>417.8597702324243</c:v>
                </c:pt>
                <c:pt idx="704">
                  <c:v>417.61334954312156</c:v>
                </c:pt>
                <c:pt idx="705">
                  <c:v>417.36618959175098</c:v>
                </c:pt>
                <c:pt idx="706">
                  <c:v>417.11828816052622</c:v>
                </c:pt>
                <c:pt idx="707">
                  <c:v>416.8696430250078</c:v>
                </c:pt>
                <c:pt idx="708">
                  <c:v>416.62025195408285</c:v>
                </c:pt>
                <c:pt idx="709">
                  <c:v>416.37011270994509</c:v>
                </c:pt>
                <c:pt idx="710">
                  <c:v>416.11922304807496</c:v>
                </c:pt>
                <c:pt idx="711">
                  <c:v>415.8675807172192</c:v>
                </c:pt>
                <c:pt idx="712">
                  <c:v>415.61518345937088</c:v>
                </c:pt>
                <c:pt idx="713">
                  <c:v>415.36202900974899</c:v>
                </c:pt>
                <c:pt idx="714">
                  <c:v>415.10811509677825</c:v>
                </c:pt>
                <c:pt idx="715">
                  <c:v>414.85343944206858</c:v>
                </c:pt>
                <c:pt idx="716">
                  <c:v>414.59799976039477</c:v>
                </c:pt>
                <c:pt idx="717">
                  <c:v>414.34179375967597</c:v>
                </c:pt>
                <c:pt idx="718">
                  <c:v>414.08481914095501</c:v>
                </c:pt>
                <c:pt idx="719">
                  <c:v>413.82707359837792</c:v>
                </c:pt>
                <c:pt idx="720">
                  <c:v>413.56855481917307</c:v>
                </c:pt>
                <c:pt idx="721">
                  <c:v>413.30926048363062</c:v>
                </c:pt>
                <c:pt idx="722">
                  <c:v>413.04918826508151</c:v>
                </c:pt>
                <c:pt idx="723">
                  <c:v>412.7883358298767</c:v>
                </c:pt>
                <c:pt idx="724">
                  <c:v>412.52670083736638</c:v>
                </c:pt>
                <c:pt idx="725">
                  <c:v>412.26428093987852</c:v>
                </c:pt>
                <c:pt idx="726">
                  <c:v>412.00107378269814</c:v>
                </c:pt>
                <c:pt idx="727">
                  <c:v>411.73707700404623</c:v>
                </c:pt>
                <c:pt idx="728">
                  <c:v>411.47228823505839</c:v>
                </c:pt>
                <c:pt idx="729">
                  <c:v>411.20670509976355</c:v>
                </c:pt>
                <c:pt idx="730">
                  <c:v>410.9403252150629</c:v>
                </c:pt>
                <c:pt idx="731">
                  <c:v>410.67314619070805</c:v>
                </c:pt>
                <c:pt idx="732">
                  <c:v>410.40516562928019</c:v>
                </c:pt>
                <c:pt idx="733">
                  <c:v>410.13638112616809</c:v>
                </c:pt>
                <c:pt idx="734">
                  <c:v>409.86679026954658</c:v>
                </c:pt>
                <c:pt idx="735">
                  <c:v>409.59639064035525</c:v>
                </c:pt>
                <c:pt idx="736">
                  <c:v>409.32517981227636</c:v>
                </c:pt>
                <c:pt idx="737">
                  <c:v>409.05315535171314</c:v>
                </c:pt>
                <c:pt idx="738">
                  <c:v>408.78031481776833</c:v>
                </c:pt>
                <c:pt idx="739">
                  <c:v>408.50665576222161</c:v>
                </c:pt>
                <c:pt idx="740">
                  <c:v>408.2321757295083</c:v>
                </c:pt>
                <c:pt idx="741">
                  <c:v>407.95687225669684</c:v>
                </c:pt>
                <c:pt idx="742">
                  <c:v>407.68074287346695</c:v>
                </c:pt>
                <c:pt idx="743">
                  <c:v>407.40378510208734</c:v>
                </c:pt>
                <c:pt idx="744">
                  <c:v>407.12599645739363</c:v>
                </c:pt>
                <c:pt idx="745">
                  <c:v>406.84737444676585</c:v>
                </c:pt>
                <c:pt idx="746">
                  <c:v>406.56791657010615</c:v>
                </c:pt>
                <c:pt idx="747">
                  <c:v>406.28762031981643</c:v>
                </c:pt>
                <c:pt idx="748">
                  <c:v>406.00648318077594</c:v>
                </c:pt>
                <c:pt idx="749">
                  <c:v>405.72450263031828</c:v>
                </c:pt>
                <c:pt idx="750">
                  <c:v>405.44167613820923</c:v>
                </c:pt>
                <c:pt idx="751">
                  <c:v>405.15800116662388</c:v>
                </c:pt>
                <c:pt idx="752">
                  <c:v>404.87347517012381</c:v>
                </c:pt>
                <c:pt idx="753">
                  <c:v>404.58809559563417</c:v>
                </c:pt>
                <c:pt idx="754">
                  <c:v>404.30185988242107</c:v>
                </c:pt>
                <c:pt idx="755">
                  <c:v>404.01476546206834</c:v>
                </c:pt>
                <c:pt idx="756">
                  <c:v>403.72680975845452</c:v>
                </c:pt>
                <c:pt idx="757">
                  <c:v>403.43799018772989</c:v>
                </c:pt>
                <c:pt idx="758">
                  <c:v>403.14830415829312</c:v>
                </c:pt>
                <c:pt idx="759">
                  <c:v>402.85774907076802</c:v>
                </c:pt>
                <c:pt idx="760">
                  <c:v>402.56632231798034</c:v>
                </c:pt>
                <c:pt idx="761">
                  <c:v>402.27402128493429</c:v>
                </c:pt>
                <c:pt idx="762">
                  <c:v>401.98084334878911</c:v>
                </c:pt>
                <c:pt idx="763">
                  <c:v>401.68678587883551</c:v>
                </c:pt>
                <c:pt idx="764">
                  <c:v>401.39184623647202</c:v>
                </c:pt>
                <c:pt idx="765">
                  <c:v>401.09602177518144</c:v>
                </c:pt>
                <c:pt idx="766">
                  <c:v>400.79930984050696</c:v>
                </c:pt>
                <c:pt idx="767">
                  <c:v>400.50170777002853</c:v>
                </c:pt>
                <c:pt idx="768">
                  <c:v>400.20321289333867</c:v>
                </c:pt>
                <c:pt idx="769">
                  <c:v>399.90382253201869</c:v>
                </c:pt>
                <c:pt idx="770">
                  <c:v>399.60353399961474</c:v>
                </c:pt>
                <c:pt idx="771">
                  <c:v>399.30234460161358</c:v>
                </c:pt>
                <c:pt idx="772">
                  <c:v>399.00025163541841</c:v>
                </c:pt>
                <c:pt idx="773">
                  <c:v>398.69725239032471</c:v>
                </c:pt>
                <c:pt idx="774">
                  <c:v>398.39334414749572</c:v>
                </c:pt>
                <c:pt idx="775">
                  <c:v>398.08852417993819</c:v>
                </c:pt>
                <c:pt idx="776">
                  <c:v>397.78278975247804</c:v>
                </c:pt>
                <c:pt idx="777">
                  <c:v>397.47613812173546</c:v>
                </c:pt>
                <c:pt idx="778">
                  <c:v>397.16856653610068</c:v>
                </c:pt>
                <c:pt idx="779">
                  <c:v>396.86007223570903</c:v>
                </c:pt>
                <c:pt idx="780">
                  <c:v>396.55065245241616</c:v>
                </c:pt>
                <c:pt idx="781">
                  <c:v>396.24030440977344</c:v>
                </c:pt>
                <c:pt idx="782">
                  <c:v>395.92902532300275</c:v>
                </c:pt>
                <c:pt idx="783">
                  <c:v>395.61681239897177</c:v>
                </c:pt>
                <c:pt idx="784">
                  <c:v>395.30366283616871</c:v>
                </c:pt>
                <c:pt idx="785">
                  <c:v>394.98957382467722</c:v>
                </c:pt>
                <c:pt idx="786">
                  <c:v>394.67454254615126</c:v>
                </c:pt>
                <c:pt idx="787">
                  <c:v>394.35856617378971</c:v>
                </c:pt>
                <c:pt idx="788">
                  <c:v>394.04164187231112</c:v>
                </c:pt>
                <c:pt idx="789">
                  <c:v>393.72376679792808</c:v>
                </c:pt>
                <c:pt idx="790">
                  <c:v>393.40493809832185</c:v>
                </c:pt>
                <c:pt idx="791">
                  <c:v>393.08515291261688</c:v>
                </c:pt>
                <c:pt idx="792">
                  <c:v>392.7644083713547</c:v>
                </c:pt>
                <c:pt idx="793">
                  <c:v>392.44270159646874</c:v>
                </c:pt>
                <c:pt idx="794">
                  <c:v>392.1200297012582</c:v>
                </c:pt>
                <c:pt idx="795">
                  <c:v>391.79638979036201</c:v>
                </c:pt>
                <c:pt idx="796">
                  <c:v>391.47177895973311</c:v>
                </c:pt>
                <c:pt idx="797">
                  <c:v>391.14619429661229</c:v>
                </c:pt>
                <c:pt idx="798">
                  <c:v>390.81963287950214</c:v>
                </c:pt>
                <c:pt idx="799">
                  <c:v>390.49209177814072</c:v>
                </c:pt>
                <c:pt idx="800">
                  <c:v>390.16356805347516</c:v>
                </c:pt>
                <c:pt idx="801">
                  <c:v>389.83405875763555</c:v>
                </c:pt>
                <c:pt idx="802">
                  <c:v>389.50356093390849</c:v>
                </c:pt>
                <c:pt idx="803">
                  <c:v>389.17207161671024</c:v>
                </c:pt>
                <c:pt idx="804">
                  <c:v>388.83958783156038</c:v>
                </c:pt>
                <c:pt idx="805">
                  <c:v>388.50610659505503</c:v>
                </c:pt>
                <c:pt idx="806">
                  <c:v>388.17162491484027</c:v>
                </c:pt>
                <c:pt idx="807">
                  <c:v>387.83613978958476</c:v>
                </c:pt>
                <c:pt idx="808">
                  <c:v>387.49964820895354</c:v>
                </c:pt>
                <c:pt idx="809">
                  <c:v>387.16214715358041</c:v>
                </c:pt>
                <c:pt idx="810">
                  <c:v>386.8236335950412</c:v>
                </c:pt>
                <c:pt idx="811">
                  <c:v>386.48410449582627</c:v>
                </c:pt>
                <c:pt idx="812">
                  <c:v>386.14355680931379</c:v>
                </c:pt>
                <c:pt idx="813">
                  <c:v>385.80198747974174</c:v>
                </c:pt>
                <c:pt idx="814">
                  <c:v>385.45939344218101</c:v>
                </c:pt>
                <c:pt idx="815">
                  <c:v>385.11577162250757</c:v>
                </c:pt>
                <c:pt idx="816">
                  <c:v>384.77111893737515</c:v>
                </c:pt>
                <c:pt idx="817">
                  <c:v>384.4254322941872</c:v>
                </c:pt>
                <c:pt idx="818">
                  <c:v>384.07870859106981</c:v>
                </c:pt>
                <c:pt idx="819">
                  <c:v>383.73094471684306</c:v>
                </c:pt>
                <c:pt idx="820">
                  <c:v>383.38213755099355</c:v>
                </c:pt>
                <c:pt idx="821">
                  <c:v>383.03228396364659</c:v>
                </c:pt>
                <c:pt idx="822">
                  <c:v>382.68138081553752</c:v>
                </c:pt>
                <c:pt idx="823">
                  <c:v>382.3294249579842</c:v>
                </c:pt>
                <c:pt idx="824">
                  <c:v>381.97641323285814</c:v>
                </c:pt>
                <c:pt idx="825">
                  <c:v>381.62234247255674</c:v>
                </c:pt>
                <c:pt idx="826">
                  <c:v>381.2672094999744</c:v>
                </c:pt>
                <c:pt idx="827">
                  <c:v>380.91101112847434</c:v>
                </c:pt>
                <c:pt idx="828">
                  <c:v>380.55374416185975</c:v>
                </c:pt>
                <c:pt idx="829">
                  <c:v>380.19540539434536</c:v>
                </c:pt>
                <c:pt idx="830">
                  <c:v>379.83599161052842</c:v>
                </c:pt>
                <c:pt idx="831">
                  <c:v>379.47549958536007</c:v>
                </c:pt>
                <c:pt idx="832">
                  <c:v>379.11392608411614</c:v>
                </c:pt>
                <c:pt idx="833">
                  <c:v>378.75126786236848</c:v>
                </c:pt>
                <c:pt idx="834">
                  <c:v>378.38752166595566</c:v>
                </c:pt>
                <c:pt idx="835">
                  <c:v>378.02268423095347</c:v>
                </c:pt>
                <c:pt idx="836">
                  <c:v>377.65675228364637</c:v>
                </c:pt>
                <c:pt idx="837">
                  <c:v>377.28972254049734</c:v>
                </c:pt>
                <c:pt idx="838">
                  <c:v>376.92159170811885</c:v>
                </c:pt>
                <c:pt idx="839">
                  <c:v>376.55235648324322</c:v>
                </c:pt>
                <c:pt idx="840">
                  <c:v>376.18201355269298</c:v>
                </c:pt>
                <c:pt idx="841">
                  <c:v>375.81055959335106</c:v>
                </c:pt>
                <c:pt idx="842">
                  <c:v>375.43799127213117</c:v>
                </c:pt>
                <c:pt idx="843">
                  <c:v>375.06430524594748</c:v>
                </c:pt>
                <c:pt idx="844">
                  <c:v>374.68949816168538</c:v>
                </c:pt>
                <c:pt idx="845">
                  <c:v>374.31356665617045</c:v>
                </c:pt>
                <c:pt idx="846">
                  <c:v>373.93650735613903</c:v>
                </c:pt>
                <c:pt idx="847">
                  <c:v>373.55831687820745</c:v>
                </c:pt>
                <c:pt idx="848">
                  <c:v>373.17899182884207</c:v>
                </c:pt>
                <c:pt idx="849">
                  <c:v>372.79852880432861</c:v>
                </c:pt>
                <c:pt idx="850">
                  <c:v>372.41692439074166</c:v>
                </c:pt>
                <c:pt idx="851">
                  <c:v>372.03417516391386</c:v>
                </c:pt>
                <c:pt idx="852">
                  <c:v>371.65027768940558</c:v>
                </c:pt>
                <c:pt idx="853">
                  <c:v>371.26522852247382</c:v>
                </c:pt>
                <c:pt idx="854">
                  <c:v>370.8790242080413</c:v>
                </c:pt>
                <c:pt idx="855">
                  <c:v>370.49166128066543</c:v>
                </c:pt>
                <c:pt idx="856">
                  <c:v>370.1031362645075</c:v>
                </c:pt>
                <c:pt idx="857">
                  <c:v>369.71344567330095</c:v>
                </c:pt>
                <c:pt idx="858">
                  <c:v>369.32258601032095</c:v>
                </c:pt>
                <c:pt idx="859">
                  <c:v>368.9305537683519</c:v>
                </c:pt>
                <c:pt idx="860">
                  <c:v>368.53734542965697</c:v>
                </c:pt>
                <c:pt idx="861">
                  <c:v>368.14295746594593</c:v>
                </c:pt>
                <c:pt idx="862">
                  <c:v>367.7473863383438</c:v>
                </c:pt>
                <c:pt idx="863">
                  <c:v>367.35062849735891</c:v>
                </c:pt>
                <c:pt idx="864">
                  <c:v>366.95268038285099</c:v>
                </c:pt>
                <c:pt idx="865">
                  <c:v>366.5535384239995</c:v>
                </c:pt>
                <c:pt idx="866">
                  <c:v>366.1531990392715</c:v>
                </c:pt>
                <c:pt idx="867">
                  <c:v>365.75165863638938</c:v>
                </c:pt>
                <c:pt idx="868">
                  <c:v>365.34891361229853</c:v>
                </c:pt>
                <c:pt idx="869">
                  <c:v>364.94496035313546</c:v>
                </c:pt>
                <c:pt idx="870">
                  <c:v>364.53979523419491</c:v>
                </c:pt>
                <c:pt idx="871">
                  <c:v>364.13341461989751</c:v>
                </c:pt>
                <c:pt idx="872">
                  <c:v>363.72581486375719</c:v>
                </c:pt>
                <c:pt idx="873">
                  <c:v>363.31699230834852</c:v>
                </c:pt>
                <c:pt idx="874">
                  <c:v>362.90694328527354</c:v>
                </c:pt>
                <c:pt idx="875">
                  <c:v>362.49566411512933</c:v>
                </c:pt>
                <c:pt idx="876">
                  <c:v>362.08315110747481</c:v>
                </c:pt>
                <c:pt idx="877">
                  <c:v>361.66940056079721</c:v>
                </c:pt>
                <c:pt idx="878">
                  <c:v>361.25440876247967</c:v>
                </c:pt>
                <c:pt idx="879">
                  <c:v>360.83817198876716</c:v>
                </c:pt>
                <c:pt idx="880">
                  <c:v>360.42068650473345</c:v>
                </c:pt>
                <c:pt idx="881">
                  <c:v>360.00194856424764</c:v>
                </c:pt>
                <c:pt idx="882">
                  <c:v>359.58195440994041</c:v>
                </c:pt>
                <c:pt idx="883">
                  <c:v>359.16070027317022</c:v>
                </c:pt>
                <c:pt idx="884">
                  <c:v>358.73818237398973</c:v>
                </c:pt>
                <c:pt idx="885">
                  <c:v>358.31439692111172</c:v>
                </c:pt>
                <c:pt idx="886">
                  <c:v>357.88934011187507</c:v>
                </c:pt>
                <c:pt idx="887">
                  <c:v>357.4630081322108</c:v>
                </c:pt>
                <c:pt idx="888">
                  <c:v>357.03539715660747</c:v>
                </c:pt>
                <c:pt idx="889">
                  <c:v>356.60650334807724</c:v>
                </c:pt>
                <c:pt idx="890">
                  <c:v>356.17632285812152</c:v>
                </c:pt>
                <c:pt idx="891">
                  <c:v>355.74485182669588</c:v>
                </c:pt>
                <c:pt idx="892">
                  <c:v>355.31208638217595</c:v>
                </c:pt>
                <c:pt idx="893">
                  <c:v>354.87802264132256</c:v>
                </c:pt>
                <c:pt idx="894">
                  <c:v>354.44265670924653</c:v>
                </c:pt>
                <c:pt idx="895">
                  <c:v>354.00598467937431</c:v>
                </c:pt>
                <c:pt idx="896">
                  <c:v>353.56800263341245</c:v>
                </c:pt>
                <c:pt idx="897">
                  <c:v>353.1287066413127</c:v>
                </c:pt>
                <c:pt idx="898">
                  <c:v>352.68809276123665</c:v>
                </c:pt>
                <c:pt idx="899">
                  <c:v>352.24615703952037</c:v>
                </c:pt>
                <c:pt idx="900">
                  <c:v>351.80289551063896</c:v>
                </c:pt>
                <c:pt idx="901">
                  <c:v>351.35830419717092</c:v>
                </c:pt>
                <c:pt idx="902">
                  <c:v>350.91237910976247</c:v>
                </c:pt>
                <c:pt idx="903">
                  <c:v>350.46511624709171</c:v>
                </c:pt>
                <c:pt idx="904">
                  <c:v>350.01651159583309</c:v>
                </c:pt>
                <c:pt idx="905">
                  <c:v>349.56656113062058</c:v>
                </c:pt>
                <c:pt idx="906">
                  <c:v>349.11526081401246</c:v>
                </c:pt>
                <c:pt idx="907">
                  <c:v>348.66260659645445</c:v>
                </c:pt>
                <c:pt idx="908">
                  <c:v>348.20859441624384</c:v>
                </c:pt>
                <c:pt idx="909">
                  <c:v>347.7532201994926</c:v>
                </c:pt>
                <c:pt idx="910">
                  <c:v>347.29647986009115</c:v>
                </c:pt>
                <c:pt idx="911">
                  <c:v>346.8383692996714</c:v>
                </c:pt>
                <c:pt idx="912">
                  <c:v>346.37888440757047</c:v>
                </c:pt>
                <c:pt idx="913">
                  <c:v>345.91802106079319</c:v>
                </c:pt>
                <c:pt idx="914">
                  <c:v>345.45577512397563</c:v>
                </c:pt>
                <c:pt idx="915">
                  <c:v>344.99214244934751</c:v>
                </c:pt>
                <c:pt idx="916">
                  <c:v>344.52711887669557</c:v>
                </c:pt>
                <c:pt idx="917">
                  <c:v>344.06070023332569</c:v>
                </c:pt>
                <c:pt idx="918">
                  <c:v>343.59288233402572</c:v>
                </c:pt>
                <c:pt idx="919">
                  <c:v>343.1236609810278</c:v>
                </c:pt>
                <c:pt idx="920">
                  <c:v>342.65303196397088</c:v>
                </c:pt>
                <c:pt idx="921">
                  <c:v>342.18099105986289</c:v>
                </c:pt>
                <c:pt idx="922">
                  <c:v>341.70753403304246</c:v>
                </c:pt>
                <c:pt idx="923">
                  <c:v>341.23265663514155</c:v>
                </c:pt>
                <c:pt idx="924">
                  <c:v>340.75635460504702</c:v>
                </c:pt>
                <c:pt idx="925">
                  <c:v>340.27862366886222</c:v>
                </c:pt>
                <c:pt idx="926">
                  <c:v>339.79945953986885</c:v>
                </c:pt>
                <c:pt idx="927">
                  <c:v>339.31885791848845</c:v>
                </c:pt>
                <c:pt idx="928">
                  <c:v>338.83681449224395</c:v>
                </c:pt>
                <c:pt idx="929">
                  <c:v>338.35332493572071</c:v>
                </c:pt>
                <c:pt idx="930">
                  <c:v>337.86838491052782</c:v>
                </c:pt>
                <c:pt idx="931">
                  <c:v>337.38199006525946</c:v>
                </c:pt>
                <c:pt idx="932">
                  <c:v>336.89413603545523</c:v>
                </c:pt>
                <c:pt idx="933">
                  <c:v>336.40481844356162</c:v>
                </c:pt>
                <c:pt idx="934">
                  <c:v>335.91403289889234</c:v>
                </c:pt>
                <c:pt idx="935">
                  <c:v>335.42177499758907</c:v>
                </c:pt>
                <c:pt idx="936">
                  <c:v>334.92804032258181</c:v>
                </c:pt>
                <c:pt idx="937">
                  <c:v>334.43282444354963</c:v>
                </c:pt>
                <c:pt idx="938">
                  <c:v>333.93612291688032</c:v>
                </c:pt>
                <c:pt idx="939">
                  <c:v>333.4379312856309</c:v>
                </c:pt>
                <c:pt idx="940">
                  <c:v>332.93824507948784</c:v>
                </c:pt>
                <c:pt idx="941">
                  <c:v>332.43705981472635</c:v>
                </c:pt>
                <c:pt idx="942">
                  <c:v>331.93437099417054</c:v>
                </c:pt>
                <c:pt idx="943">
                  <c:v>331.43017410715311</c:v>
                </c:pt>
                <c:pt idx="944">
                  <c:v>330.92446462947458</c:v>
                </c:pt>
                <c:pt idx="945">
                  <c:v>330.41723802336298</c:v>
                </c:pt>
                <c:pt idx="946">
                  <c:v>329.90848973743311</c:v>
                </c:pt>
                <c:pt idx="947">
                  <c:v>329.39821520664543</c:v>
                </c:pt>
                <c:pt idx="948">
                  <c:v>328.88640985226539</c:v>
                </c:pt>
                <c:pt idx="949">
                  <c:v>328.37306908182222</c:v>
                </c:pt>
                <c:pt idx="950">
                  <c:v>327.8581882890677</c:v>
                </c:pt>
                <c:pt idx="951">
                  <c:v>327.34176285393494</c:v>
                </c:pt>
                <c:pt idx="952">
                  <c:v>326.82378814249677</c:v>
                </c:pt>
                <c:pt idx="953">
                  <c:v>326.30425950692427</c:v>
                </c:pt>
                <c:pt idx="954">
                  <c:v>325.78317228544506</c:v>
                </c:pt>
                <c:pt idx="955">
                  <c:v>325.26052180230141</c:v>
                </c:pt>
                <c:pt idx="956">
                  <c:v>324.73630336770833</c:v>
                </c:pt>
                <c:pt idx="957">
                  <c:v>324.21051227781152</c:v>
                </c:pt>
                <c:pt idx="958">
                  <c:v>323.68314381464495</c:v>
                </c:pt>
                <c:pt idx="959">
                  <c:v>323.15419324608899</c:v>
                </c:pt>
                <c:pt idx="960">
                  <c:v>322.6236558258272</c:v>
                </c:pt>
                <c:pt idx="961">
                  <c:v>322.09152679330475</c:v>
                </c:pt>
                <c:pt idx="962">
                  <c:v>321.5578013736847</c:v>
                </c:pt>
                <c:pt idx="963">
                  <c:v>321.02247477780577</c:v>
                </c:pt>
                <c:pt idx="964">
                  <c:v>320.48554220213919</c:v>
                </c:pt>
                <c:pt idx="965">
                  <c:v>319.94699882874562</c:v>
                </c:pt>
                <c:pt idx="966">
                  <c:v>319.40683982523188</c:v>
                </c:pt>
                <c:pt idx="967">
                  <c:v>318.86506034470762</c:v>
                </c:pt>
                <c:pt idx="968">
                  <c:v>318.32165552574173</c:v>
                </c:pt>
                <c:pt idx="969">
                  <c:v>317.77662049231901</c:v>
                </c:pt>
                <c:pt idx="970">
                  <c:v>317.22995035379597</c:v>
                </c:pt>
                <c:pt idx="971">
                  <c:v>316.68164020485733</c:v>
                </c:pt>
                <c:pt idx="972">
                  <c:v>316.13168512547196</c:v>
                </c:pt>
                <c:pt idx="973">
                  <c:v>315.58008018084843</c:v>
                </c:pt>
                <c:pt idx="974">
                  <c:v>315.02682042139099</c:v>
                </c:pt>
                <c:pt idx="975">
                  <c:v>314.47190088265523</c:v>
                </c:pt>
                <c:pt idx="976">
                  <c:v>313.91531658530312</c:v>
                </c:pt>
                <c:pt idx="977">
                  <c:v>313.35706253505913</c:v>
                </c:pt>
                <c:pt idx="978">
                  <c:v>312.79713372266428</c:v>
                </c:pt>
                <c:pt idx="979">
                  <c:v>312.2355251238323</c:v>
                </c:pt>
                <c:pt idx="980">
                  <c:v>311.67223169920385</c:v>
                </c:pt>
                <c:pt idx="981">
                  <c:v>311.10724839430145</c:v>
                </c:pt>
                <c:pt idx="982">
                  <c:v>310.54057013948443</c:v>
                </c:pt>
                <c:pt idx="983">
                  <c:v>309.97219184990291</c:v>
                </c:pt>
                <c:pt idx="984">
                  <c:v>309.40210842545264</c:v>
                </c:pt>
                <c:pt idx="985">
                  <c:v>308.83031475072903</c:v>
                </c:pt>
                <c:pt idx="986">
                  <c:v>308.25680569498127</c:v>
                </c:pt>
                <c:pt idx="987">
                  <c:v>307.68157611206618</c:v>
                </c:pt>
                <c:pt idx="988">
                  <c:v>307.10462084040239</c:v>
                </c:pt>
                <c:pt idx="989">
                  <c:v>306.52593470292368</c:v>
                </c:pt>
                <c:pt idx="990">
                  <c:v>305.94551250703245</c:v>
                </c:pt>
                <c:pt idx="991">
                  <c:v>305.36334904455362</c:v>
                </c:pt>
                <c:pt idx="992">
                  <c:v>304.77943909168732</c:v>
                </c:pt>
                <c:pt idx="993">
                  <c:v>304.19377740896238</c:v>
                </c:pt>
                <c:pt idx="994">
                  <c:v>303.6063587411893</c:v>
                </c:pt>
                <c:pt idx="995">
                  <c:v>303.01717781741286</c:v>
                </c:pt>
                <c:pt idx="996">
                  <c:v>302.42622935086507</c:v>
                </c:pt>
                <c:pt idx="997">
                  <c:v>301.83350803891767</c:v>
                </c:pt>
                <c:pt idx="998">
                  <c:v>301.23900856303453</c:v>
                </c:pt>
                <c:pt idx="999">
                  <c:v>300.64272558872369</c:v>
                </c:pt>
                <c:pt idx="1000">
                  <c:v>300.04465376548984</c:v>
                </c:pt>
                <c:pt idx="1001">
                  <c:v>299.44478772678633</c:v>
                </c:pt>
                <c:pt idx="1002">
                  <c:v>298.84312208996676</c:v>
                </c:pt>
                <c:pt idx="1003">
                  <c:v>298.23965145623663</c:v>
                </c:pt>
                <c:pt idx="1004">
                  <c:v>297.63437041060536</c:v>
                </c:pt>
                <c:pt idx="1005">
                  <c:v>297.02727352183729</c:v>
                </c:pt>
                <c:pt idx="1006">
                  <c:v>296.41835534240278</c:v>
                </c:pt>
                <c:pt idx="1007">
                  <c:v>295.80761040843004</c:v>
                </c:pt>
                <c:pt idx="1008">
                  <c:v>295.19503323965534</c:v>
                </c:pt>
                <c:pt idx="1009">
                  <c:v>294.58061833937433</c:v>
                </c:pt>
                <c:pt idx="1010">
                  <c:v>293.9643601943925</c:v>
                </c:pt>
                <c:pt idx="1011">
                  <c:v>293.34625327497565</c:v>
                </c:pt>
                <c:pt idx="1012">
                  <c:v>292.72629203480062</c:v>
                </c:pt>
                <c:pt idx="1013">
                  <c:v>292.10447091090504</c:v>
                </c:pt>
                <c:pt idx="1014">
                  <c:v>291.48078432363781</c:v>
                </c:pt>
                <c:pt idx="1015">
                  <c:v>290.85522667660877</c:v>
                </c:pt>
                <c:pt idx="1016">
                  <c:v>290.22779235663859</c:v>
                </c:pt>
                <c:pt idx="1017">
                  <c:v>289.59847573370848</c:v>
                </c:pt>
                <c:pt idx="1018">
                  <c:v>288.96727116090972</c:v>
                </c:pt>
                <c:pt idx="1019">
                  <c:v>288.33417297439246</c:v>
                </c:pt>
                <c:pt idx="1020">
                  <c:v>287.69917549331564</c:v>
                </c:pt>
                <c:pt idx="1021">
                  <c:v>287.06227301979561</c:v>
                </c:pt>
                <c:pt idx="1022">
                  <c:v>286.42345983885502</c:v>
                </c:pt>
                <c:pt idx="1023">
                  <c:v>285.78273021837168</c:v>
                </c:pt>
                <c:pt idx="1024">
                  <c:v>285.14007840902684</c:v>
                </c:pt>
                <c:pt idx="1025">
                  <c:v>284.49549864425393</c:v>
                </c:pt>
                <c:pt idx="1026">
                  <c:v>283.84898514018676</c:v>
                </c:pt>
                <c:pt idx="1027">
                  <c:v>283.20053209560729</c:v>
                </c:pt>
                <c:pt idx="1028">
                  <c:v>282.55013369189419</c:v>
                </c:pt>
                <c:pt idx="1029">
                  <c:v>281.89778409296986</c:v>
                </c:pt>
                <c:pt idx="1030">
                  <c:v>281.2434774452488</c:v>
                </c:pt>
                <c:pt idx="1031">
                  <c:v>280.58720787758455</c:v>
                </c:pt>
                <c:pt idx="1032">
                  <c:v>279.92896950121735</c:v>
                </c:pt>
                <c:pt idx="1033">
                  <c:v>279.26875640972105</c:v>
                </c:pt>
                <c:pt idx="1034">
                  <c:v>278.60656267895024</c:v>
                </c:pt>
                <c:pt idx="1035">
                  <c:v>277.94238236698709</c:v>
                </c:pt>
                <c:pt idx="1036">
                  <c:v>277.27620951408812</c:v>
                </c:pt>
                <c:pt idx="1037">
                  <c:v>276.60803814263033</c:v>
                </c:pt>
                <c:pt idx="1038">
                  <c:v>275.93786225705833</c:v>
                </c:pt>
                <c:pt idx="1039">
                  <c:v>275.26567584382951</c:v>
                </c:pt>
                <c:pt idx="1040">
                  <c:v>274.59147287136102</c:v>
                </c:pt>
                <c:pt idx="1041">
                  <c:v>273.91524728997513</c:v>
                </c:pt>
                <c:pt idx="1042">
                  <c:v>273.23699303184515</c:v>
                </c:pt>
                <c:pt idx="1043">
                  <c:v>272.55670401094062</c:v>
                </c:pt>
                <c:pt idx="1044">
                  <c:v>271.87437412297356</c:v>
                </c:pt>
                <c:pt idx="1045">
                  <c:v>271.18999724534245</c:v>
                </c:pt>
                <c:pt idx="1046">
                  <c:v>270.50356723707853</c:v>
                </c:pt>
                <c:pt idx="1047">
                  <c:v>269.81507793878984</c:v>
                </c:pt>
                <c:pt idx="1048">
                  <c:v>269.12452317260619</c:v>
                </c:pt>
                <c:pt idx="1049">
                  <c:v>268.43189674212402</c:v>
                </c:pt>
                <c:pt idx="1050">
                  <c:v>267.73719243235047</c:v>
                </c:pt>
                <c:pt idx="1051">
                  <c:v>267.04040400964749</c:v>
                </c:pt>
                <c:pt idx="1052">
                  <c:v>266.34152522167653</c:v>
                </c:pt>
                <c:pt idx="1053">
                  <c:v>265.64054979734158</c:v>
                </c:pt>
                <c:pt idx="1054">
                  <c:v>264.93747144673364</c:v>
                </c:pt>
                <c:pt idx="1055">
                  <c:v>264.23228386107388</c:v>
                </c:pt>
                <c:pt idx="1056">
                  <c:v>263.52498071265711</c:v>
                </c:pt>
                <c:pt idx="1057">
                  <c:v>262.81555565479511</c:v>
                </c:pt>
                <c:pt idx="1058">
                  <c:v>262.10400232175954</c:v>
                </c:pt>
                <c:pt idx="1059">
                  <c:v>261.39031432872486</c:v>
                </c:pt>
                <c:pt idx="1060">
                  <c:v>260.67448527171103</c:v>
                </c:pt>
                <c:pt idx="1061">
                  <c:v>259.95650872752617</c:v>
                </c:pt>
                <c:pt idx="1062">
                  <c:v>259.23637825370884</c:v>
                </c:pt>
                <c:pt idx="1063">
                  <c:v>258.51408738846999</c:v>
                </c:pt>
                <c:pt idx="1064">
                  <c:v>257.78962965063545</c:v>
                </c:pt>
                <c:pt idx="1065">
                  <c:v>257.0629985395874</c:v>
                </c:pt>
                <c:pt idx="1066">
                  <c:v>256.33418753520618</c:v>
                </c:pt>
                <c:pt idx="1067">
                  <c:v>255.60319009781176</c:v>
                </c:pt>
                <c:pt idx="1068">
                  <c:v>254.86999966810521</c:v>
                </c:pt>
                <c:pt idx="1069">
                  <c:v>254.13460966710957</c:v>
                </c:pt>
                <c:pt idx="1070">
                  <c:v>253.39701349611101</c:v>
                </c:pt>
                <c:pt idx="1071">
                  <c:v>252.65720453659935</c:v>
                </c:pt>
                <c:pt idx="1072">
                  <c:v>251.91517615020916</c:v>
                </c:pt>
                <c:pt idx="1073">
                  <c:v>251.17092167865979</c:v>
                </c:pt>
                <c:pt idx="1074">
                  <c:v>250.42443444369582</c:v>
                </c:pt>
                <c:pt idx="1075">
                  <c:v>249.67570774702693</c:v>
                </c:pt>
                <c:pt idx="1076">
                  <c:v>248.92473487026805</c:v>
                </c:pt>
                <c:pt idx="1077">
                  <c:v>248.17150907487888</c:v>
                </c:pt>
                <c:pt idx="1078">
                  <c:v>247.41602360210356</c:v>
                </c:pt>
                <c:pt idx="1079">
                  <c:v>246.6582716729099</c:v>
                </c:pt>
                <c:pt idx="1080">
                  <c:v>245.8982464879287</c:v>
                </c:pt>
                <c:pt idx="1081">
                  <c:v>245.13594122739249</c:v>
                </c:pt>
                <c:pt idx="1082">
                  <c:v>244.37134905107473</c:v>
                </c:pt>
                <c:pt idx="1083">
                  <c:v>243.60446309822794</c:v>
                </c:pt>
                <c:pt idx="1084">
                  <c:v>242.83527648752266</c:v>
                </c:pt>
                <c:pt idx="1085">
                  <c:v>242.06378231698528</c:v>
                </c:pt>
                <c:pt idx="1086">
                  <c:v>241.28997366393628</c:v>
                </c:pt>
                <c:pt idx="1087">
                  <c:v>240.51384358492817</c:v>
                </c:pt>
                <c:pt idx="1088">
                  <c:v>239.73538511568296</c:v>
                </c:pt>
                <c:pt idx="1089">
                  <c:v>238.95459127103004</c:v>
                </c:pt>
                <c:pt idx="1090">
                  <c:v>238.17145504484319</c:v>
                </c:pt>
                <c:pt idx="1091">
                  <c:v>237.38596940997775</c:v>
                </c:pt>
                <c:pt idx="1092">
                  <c:v>236.59812731820773</c:v>
                </c:pt>
                <c:pt idx="1093">
                  <c:v>235.80792170016235</c:v>
                </c:pt>
                <c:pt idx="1094">
                  <c:v>235.0153454652629</c:v>
                </c:pt>
                <c:pt idx="1095">
                  <c:v>234.2203915016587</c:v>
                </c:pt>
                <c:pt idx="1096">
                  <c:v>233.42305267616376</c:v>
                </c:pt>
                <c:pt idx="1097">
                  <c:v>232.62332183419227</c:v>
                </c:pt>
                <c:pt idx="1098">
                  <c:v>231.82119179969487</c:v>
                </c:pt>
                <c:pt idx="1099">
                  <c:v>231.01665537509393</c:v>
                </c:pt>
                <c:pt idx="1100">
                  <c:v>230.20970534121926</c:v>
                </c:pt>
                <c:pt idx="1101">
                  <c:v>229.40033445724293</c:v>
                </c:pt>
                <c:pt idx="1102">
                  <c:v>228.58853546061476</c:v>
                </c:pt>
                <c:pt idx="1103">
                  <c:v>227.77430106699666</c:v>
                </c:pt>
                <c:pt idx="1104">
                  <c:v>226.95762397019763</c:v>
                </c:pt>
                <c:pt idx="1105">
                  <c:v>226.13849684210828</c:v>
                </c:pt>
                <c:pt idx="1106">
                  <c:v>225.31691233263462</c:v>
                </c:pt>
                <c:pt idx="1107">
                  <c:v>224.49286306963256</c:v>
                </c:pt>
                <c:pt idx="1108">
                  <c:v>223.66634165884147</c:v>
                </c:pt>
                <c:pt idx="1109">
                  <c:v>222.83734068381807</c:v>
                </c:pt>
                <c:pt idx="1110">
                  <c:v>222.00585270586953</c:v>
                </c:pt>
                <c:pt idx="1111">
                  <c:v>221.17187026398727</c:v>
                </c:pt>
                <c:pt idx="1112">
                  <c:v>220.33538587477926</c:v>
                </c:pt>
                <c:pt idx="1113">
                  <c:v>219.49639203240355</c:v>
                </c:pt>
                <c:pt idx="1114">
                  <c:v>218.65488120850085</c:v>
                </c:pt>
                <c:pt idx="1115">
                  <c:v>217.81084585212636</c:v>
                </c:pt>
                <c:pt idx="1116">
                  <c:v>216.96427838968282</c:v>
                </c:pt>
                <c:pt idx="1117">
                  <c:v>216.11517122485185</c:v>
                </c:pt>
                <c:pt idx="1118">
                  <c:v>215.2635167385265</c:v>
                </c:pt>
                <c:pt idx="1119">
                  <c:v>214.40930728874213</c:v>
                </c:pt>
                <c:pt idx="1120">
                  <c:v>213.55253521060837</c:v>
                </c:pt>
                <c:pt idx="1121">
                  <c:v>212.69319281624024</c:v>
                </c:pt>
                <c:pt idx="1122">
                  <c:v>211.83127239468894</c:v>
                </c:pt>
                <c:pt idx="1123">
                  <c:v>210.96676621187311</c:v>
                </c:pt>
                <c:pt idx="1124">
                  <c:v>210.09966651050871</c:v>
                </c:pt>
                <c:pt idx="1125">
                  <c:v>209.22996551004024</c:v>
                </c:pt>
                <c:pt idx="1126">
                  <c:v>208.35765540657053</c:v>
                </c:pt>
                <c:pt idx="1127">
                  <c:v>207.48272837279023</c:v>
                </c:pt>
                <c:pt idx="1128">
                  <c:v>206.60517655790858</c:v>
                </c:pt>
                <c:pt idx="1129">
                  <c:v>205.72499208758239</c:v>
                </c:pt>
                <c:pt idx="1130">
                  <c:v>204.84216706384524</c:v>
                </c:pt>
                <c:pt idx="1131">
                  <c:v>203.95669356503669</c:v>
                </c:pt>
                <c:pt idx="1132">
                  <c:v>203.06856364573184</c:v>
                </c:pt>
                <c:pt idx="1133">
                  <c:v>202.17776933666909</c:v>
                </c:pt>
                <c:pt idx="1134">
                  <c:v>201.2843026446792</c:v>
                </c:pt>
                <c:pt idx="1135">
                  <c:v>200.38815555261328</c:v>
                </c:pt>
                <c:pt idx="1136">
                  <c:v>199.48932001927113</c:v>
                </c:pt>
                <c:pt idx="1137">
                  <c:v>198.58778797932894</c:v>
                </c:pt>
                <c:pt idx="1138">
                  <c:v>197.68355134326697</c:v>
                </c:pt>
                <c:pt idx="1139">
                  <c:v>196.77660199729678</c:v>
                </c:pt>
                <c:pt idx="1140">
                  <c:v>195.86693180328871</c:v>
                </c:pt>
                <c:pt idx="1141">
                  <c:v>194.95453259869868</c:v>
                </c:pt>
                <c:pt idx="1142">
                  <c:v>194.03939619649481</c:v>
                </c:pt>
                <c:pt idx="1143">
                  <c:v>193.12151438508437</c:v>
                </c:pt>
                <c:pt idx="1144">
                  <c:v>192.20087892823966</c:v>
                </c:pt>
                <c:pt idx="1145">
                  <c:v>191.2774815650244</c:v>
                </c:pt>
                <c:pt idx="1146">
                  <c:v>190.35131400971954</c:v>
                </c:pt>
                <c:pt idx="1147">
                  <c:v>189.4223679517487</c:v>
                </c:pt>
                <c:pt idx="1148">
                  <c:v>188.49063505560395</c:v>
                </c:pt>
                <c:pt idx="1149">
                  <c:v>187.55610696077088</c:v>
                </c:pt>
                <c:pt idx="1150">
                  <c:v>186.61877528165314</c:v>
                </c:pt>
                <c:pt idx="1151">
                  <c:v>185.67863160749823</c:v>
                </c:pt>
                <c:pt idx="1152">
                  <c:v>184.73566750232078</c:v>
                </c:pt>
                <c:pt idx="1153">
                  <c:v>183.78987450482776</c:v>
                </c:pt>
                <c:pt idx="1154">
                  <c:v>182.84124412834228</c:v>
                </c:pt>
                <c:pt idx="1155">
                  <c:v>181.88976786072732</c:v>
                </c:pt>
                <c:pt idx="1156">
                  <c:v>180.93543716430963</c:v>
                </c:pt>
                <c:pt idx="1157">
                  <c:v>179.97824347580257</c:v>
                </c:pt>
                <c:pt idx="1158">
                  <c:v>179.01817820623</c:v>
                </c:pt>
                <c:pt idx="1159">
                  <c:v>178.05523274084874</c:v>
                </c:pt>
                <c:pt idx="1160">
                  <c:v>177.08939843907132</c:v>
                </c:pt>
                <c:pt idx="1161">
                  <c:v>176.12066663438861</c:v>
                </c:pt>
                <c:pt idx="1162">
                  <c:v>175.14902863429188</c:v>
                </c:pt>
                <c:pt idx="1163">
                  <c:v>174.17447572019466</c:v>
                </c:pt>
                <c:pt idx="1164">
                  <c:v>173.19699914735537</c:v>
                </c:pt>
                <c:pt idx="1165">
                  <c:v>172.21659014479741</c:v>
                </c:pt>
                <c:pt idx="1166">
                  <c:v>171.23323991523193</c:v>
                </c:pt>
                <c:pt idx="1167">
                  <c:v>170.24693963497771</c:v>
                </c:pt>
                <c:pt idx="1168">
                  <c:v>169.25768045388259</c:v>
                </c:pt>
                <c:pt idx="1169">
                  <c:v>168.26545349524429</c:v>
                </c:pt>
                <c:pt idx="1170">
                  <c:v>167.27024985573007</c:v>
                </c:pt>
                <c:pt idx="1171">
                  <c:v>166.27206060529727</c:v>
                </c:pt>
                <c:pt idx="1172">
                  <c:v>165.2708767871132</c:v>
                </c:pt>
                <c:pt idx="1173">
                  <c:v>164.26668941747459</c:v>
                </c:pt>
                <c:pt idx="1174">
                  <c:v>163.2594894857271</c:v>
                </c:pt>
                <c:pt idx="1175">
                  <c:v>162.24926795418435</c:v>
                </c:pt>
                <c:pt idx="1176">
                  <c:v>161.2360157580469</c:v>
                </c:pt>
                <c:pt idx="1177">
                  <c:v>160.21972380532111</c:v>
                </c:pt>
                <c:pt idx="1178">
                  <c:v>159.20038297673716</c:v>
                </c:pt>
                <c:pt idx="1179">
                  <c:v>158.17798412566736</c:v>
                </c:pt>
                <c:pt idx="1180">
                  <c:v>157.15251807804435</c:v>
                </c:pt>
                <c:pt idx="1181">
                  <c:v>156.12397563227859</c:v>
                </c:pt>
                <c:pt idx="1182">
                  <c:v>155.09234755917544</c:v>
                </c:pt>
                <c:pt idx="1183">
                  <c:v>154.05762460185309</c:v>
                </c:pt>
                <c:pt idx="1184">
                  <c:v>153.01979747565866</c:v>
                </c:pt>
                <c:pt idx="1185">
                  <c:v>151.9788568680857</c:v>
                </c:pt>
                <c:pt idx="1186">
                  <c:v>150.93479343869001</c:v>
                </c:pt>
                <c:pt idx="1187">
                  <c:v>149.88759781900615</c:v>
                </c:pt>
                <c:pt idx="1188">
                  <c:v>148.83726061246313</c:v>
                </c:pt>
                <c:pt idx="1189">
                  <c:v>147.78377239430051</c:v>
                </c:pt>
                <c:pt idx="1190">
                  <c:v>146.7271237114835</c:v>
                </c:pt>
                <c:pt idx="1191">
                  <c:v>145.66730508261804</c:v>
                </c:pt>
                <c:pt idx="1192">
                  <c:v>144.60430699786593</c:v>
                </c:pt>
                <c:pt idx="1193">
                  <c:v>143.53811991885959</c:v>
                </c:pt>
                <c:pt idx="1194">
                  <c:v>142.4687342786163</c:v>
                </c:pt>
                <c:pt idx="1195">
                  <c:v>141.39614048145199</c:v>
                </c:pt>
                <c:pt idx="1196">
                  <c:v>140.32032890289645</c:v>
                </c:pt>
                <c:pt idx="1197">
                  <c:v>139.24128988960518</c:v>
                </c:pt>
                <c:pt idx="1198">
                  <c:v>138.15901375927416</c:v>
                </c:pt>
                <c:pt idx="1199">
                  <c:v>137.07349080055195</c:v>
                </c:pt>
                <c:pt idx="1200">
                  <c:v>135.98471127295369</c:v>
                </c:pt>
                <c:pt idx="1201">
                  <c:v>134.89266540677255</c:v>
                </c:pt>
                <c:pt idx="1202">
                  <c:v>133.79734340299296</c:v>
                </c:pt>
                <c:pt idx="1203">
                  <c:v>132.69873543320193</c:v>
                </c:pt>
                <c:pt idx="1204">
                  <c:v>131.59683163950154</c:v>
                </c:pt>
                <c:pt idx="1205">
                  <c:v>130.49162213442014</c:v>
                </c:pt>
                <c:pt idx="1206">
                  <c:v>129.38309700082351</c:v>
                </c:pt>
                <c:pt idx="1207">
                  <c:v>128.27124629182606</c:v>
                </c:pt>
                <c:pt idx="1208">
                  <c:v>127.15606003070155</c:v>
                </c:pt>
                <c:pt idx="1209">
                  <c:v>126.03752821079365</c:v>
                </c:pt>
                <c:pt idx="1210">
                  <c:v>124.91564079542616</c:v>
                </c:pt>
                <c:pt idx="1211">
                  <c:v>123.79038771781239</c:v>
                </c:pt>
                <c:pt idx="1212">
                  <c:v>122.66175888096592</c:v>
                </c:pt>
                <c:pt idx="1213">
                  <c:v>121.52974415760889</c:v>
                </c:pt>
                <c:pt idx="1214">
                  <c:v>120.39433339008178</c:v>
                </c:pt>
                <c:pt idx="1215">
                  <c:v>119.25551639025218</c:v>
                </c:pt>
                <c:pt idx="1216">
                  <c:v>118.1132829394229</c:v>
                </c:pt>
                <c:pt idx="1217">
                  <c:v>116.96762278824121</c:v>
                </c:pt>
                <c:pt idx="1218">
                  <c:v>115.81852565660597</c:v>
                </c:pt>
                <c:pt idx="1219">
                  <c:v>114.66598123357585</c:v>
                </c:pt>
                <c:pt idx="1220">
                  <c:v>113.50997917727659</c:v>
                </c:pt>
                <c:pt idx="1221">
                  <c:v>112.35050911480857</c:v>
                </c:pt>
                <c:pt idx="1222">
                  <c:v>111.18756064215302</c:v>
                </c:pt>
                <c:pt idx="1223">
                  <c:v>110.02112332407955</c:v>
                </c:pt>
                <c:pt idx="1224">
                  <c:v>108.85118669405182</c:v>
                </c:pt>
                <c:pt idx="1225">
                  <c:v>107.67774025413405</c:v>
                </c:pt>
                <c:pt idx="1226">
                  <c:v>106.50077347489639</c:v>
                </c:pt>
                <c:pt idx="1227">
                  <c:v>105.32027579532109</c:v>
                </c:pt>
                <c:pt idx="1228">
                  <c:v>104.13623662270714</c:v>
                </c:pt>
                <c:pt idx="1229">
                  <c:v>102.94864533257538</c:v>
                </c:pt>
                <c:pt idx="1230">
                  <c:v>101.75749126857318</c:v>
                </c:pt>
                <c:pt idx="1231">
                  <c:v>100.56276374237893</c:v>
                </c:pt>
                <c:pt idx="1232">
                  <c:v>99.364452033606085</c:v>
                </c:pt>
                <c:pt idx="1233">
                  <c:v>98.16254538970702</c:v>
                </c:pt>
                <c:pt idx="1234">
                  <c:v>96.957033025876171</c:v>
                </c:pt>
                <c:pt idx="1235">
                  <c:v>95.747904124953834</c:v>
                </c:pt>
                <c:pt idx="1236">
                  <c:v>94.535147837328736</c:v>
                </c:pt>
                <c:pt idx="1237">
                  <c:v>93.318753280840724</c:v>
                </c:pt>
                <c:pt idx="1238">
                  <c:v>92.09870954068333</c:v>
                </c:pt>
                <c:pt idx="1239">
                  <c:v>90.875005669305494</c:v>
                </c:pt>
                <c:pt idx="1240">
                  <c:v>89.647630686313505</c:v>
                </c:pt>
                <c:pt idx="1241">
                  <c:v>88.416573578372436</c:v>
                </c:pt>
                <c:pt idx="1242">
                  <c:v>87.181823299107691</c:v>
                </c:pt>
                <c:pt idx="1243">
                  <c:v>85.943368769005019</c:v>
                </c:pt>
                <c:pt idx="1244">
                  <c:v>84.701198875312059</c:v>
                </c:pt>
                <c:pt idx="1245">
                  <c:v>83.455302471938069</c:v>
                </c:pt>
                <c:pt idx="1246">
                  <c:v>82.205668379353938</c:v>
                </c:pt>
                <c:pt idx="1247">
                  <c:v>80.952285384492143</c:v>
                </c:pt>
                <c:pt idx="1248">
                  <c:v>79.695142240645623</c:v>
                </c:pt>
                <c:pt idx="1249">
                  <c:v>78.434227667367566</c:v>
                </c:pt>
                <c:pt idx="1250">
                  <c:v>77.169530350369712</c:v>
                </c:pt>
                <c:pt idx="1251">
                  <c:v>75.901038941420893</c:v>
                </c:pt>
                <c:pt idx="1252">
                  <c:v>74.628742058245166</c:v>
                </c:pt>
                <c:pt idx="1253">
                  <c:v>73.352628284419893</c:v>
                </c:pt>
                <c:pt idx="1254">
                  <c:v>72.072686169273368</c:v>
                </c:pt>
                <c:pt idx="1255">
                  <c:v>70.788904227781245</c:v>
                </c:pt>
                <c:pt idx="1256">
                  <c:v>69.501270940464565</c:v>
                </c:pt>
                <c:pt idx="1257">
                  <c:v>68.209774753286069</c:v>
                </c:pt>
                <c:pt idx="1258">
                  <c:v>66.914404077546067</c:v>
                </c:pt>
                <c:pt idx="1259">
                  <c:v>65.61514728977852</c:v>
                </c:pt>
                <c:pt idx="1260">
                  <c:v>64.31199273164799</c:v>
                </c:pt>
                <c:pt idx="1261">
                  <c:v>63.004928709843</c:v>
                </c:pt>
                <c:pt idx="1262">
                  <c:v>61.69394349597269</c:v>
                </c:pt>
                <c:pt idx="1263">
                  <c:v>60.379025326460692</c:v>
                </c:pt>
                <c:pt idx="1264">
                  <c:v>59.060162402440085</c:v>
                </c:pt>
                <c:pt idx="1265">
                  <c:v>57.73734288964738</c:v>
                </c:pt>
                <c:pt idx="1266">
                  <c:v>56.41055491831645</c:v>
                </c:pt>
                <c:pt idx="1267">
                  <c:v>55.079786583071382</c:v>
                </c:pt>
                <c:pt idx="1268">
                  <c:v>53.745025942820632</c:v>
                </c:pt>
                <c:pt idx="1269">
                  <c:v>52.40626102064914</c:v>
                </c:pt>
                <c:pt idx="1270">
                  <c:v>51.063479803711289</c:v>
                </c:pt>
                <c:pt idx="1271">
                  <c:v>49.716670243122451</c:v>
                </c:pt>
                <c:pt idx="1272">
                  <c:v>48.365820253851837</c:v>
                </c:pt>
                <c:pt idx="1273">
                  <c:v>47.010917714613413</c:v>
                </c:pt>
                <c:pt idx="1274">
                  <c:v>45.651950467757388</c:v>
                </c:pt>
                <c:pt idx="1275">
                  <c:v>44.288906319160674</c:v>
                </c:pt>
                <c:pt idx="1276">
                  <c:v>42.921773038118204</c:v>
                </c:pt>
                <c:pt idx="1277">
                  <c:v>41.550538357232654</c:v>
                </c:pt>
                <c:pt idx="1278">
                  <c:v>40.175189972304395</c:v>
                </c:pt>
                <c:pt idx="1279">
                  <c:v>38.795715542221444</c:v>
                </c:pt>
                <c:pt idx="1280">
                  <c:v>37.412102688848222</c:v>
                </c:pt>
                <c:pt idx="1281">
                  <c:v>36.024338996914764</c:v>
                </c:pt>
                <c:pt idx="1282">
                  <c:v>34.632412013905537</c:v>
                </c:pt>
                <c:pt idx="1283">
                  <c:v>33.236309249947396</c:v>
                </c:pt>
                <c:pt idx="1284">
                  <c:v>31.836018177697269</c:v>
                </c:pt>
                <c:pt idx="1285">
                  <c:v>30.43152623223034</c:v>
                </c:pt>
                <c:pt idx="1286">
                  <c:v>29.022820810927158</c:v>
                </c:pt>
                <c:pt idx="1287">
                  <c:v>27.609889273360011</c:v>
                </c:pt>
                <c:pt idx="1288">
                  <c:v>26.192718941180203</c:v>
                </c:pt>
                <c:pt idx="1289">
                  <c:v>24.771297098003743</c:v>
                </c:pt>
                <c:pt idx="1290">
                  <c:v>23.345610989297825</c:v>
                </c:pt>
                <c:pt idx="1291">
                  <c:v>21.915647822265726</c:v>
                </c:pt>
                <c:pt idx="1292">
                  <c:v>20.481394765732603</c:v>
                </c:pt>
                <c:pt idx="1293">
                  <c:v>19.042838950029818</c:v>
                </c:pt>
                <c:pt idx="1294">
                  <c:v>17.599967466880116</c:v>
                </c:pt>
                <c:pt idx="1295">
                  <c:v>16.152767369280809</c:v>
                </c:pt>
                <c:pt idx="1296">
                  <c:v>14.70122567138867</c:v>
                </c:pt>
                <c:pt idx="1297">
                  <c:v>13.245329348402947</c:v>
                </c:pt>
                <c:pt idx="1298">
                  <c:v>11.785065336448156</c:v>
                </c:pt>
                <c:pt idx="1299">
                  <c:v>10.320420532457547</c:v>
                </c:pt>
                <c:pt idx="1300">
                  <c:v>8.851381794054987</c:v>
                </c:pt>
                <c:pt idx="1301">
                  <c:v>7.3779359394371795</c:v>
                </c:pt>
                <c:pt idx="1302">
                  <c:v>5.9000697472556567</c:v>
                </c:pt>
                <c:pt idx="1303">
                  <c:v>4.417769956497466</c:v>
                </c:pt>
                <c:pt idx="1304">
                  <c:v>2.931023266367049</c:v>
                </c:pt>
                <c:pt idx="1305">
                  <c:v>1.43981633616613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2CB-43A8-9F3E-98E4B4B4805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17862336"/>
        <c:axId val="517865248"/>
      </c:lineChart>
      <c:catAx>
        <c:axId val="517862336"/>
        <c:scaling>
          <c:orientation val="minMax"/>
        </c:scaling>
        <c:delete val="1"/>
        <c:axPos val="b"/>
        <c:majorGridlines>
          <c:spPr>
            <a:ln w="9525" cap="flat" cmpd="sng" algn="ctr">
              <a:gradFill>
                <a:gsLst>
                  <a:gs pos="100000">
                    <a:schemeClr val="dk1">
                      <a:lumMod val="75000"/>
                      <a:lumOff val="25000"/>
                    </a:schemeClr>
                  </a:gs>
                  <a:gs pos="0">
                    <a:schemeClr val="dk1">
                      <a:lumMod val="65000"/>
                      <a:lumOff val="35000"/>
                    </a:schemeClr>
                  </a:gs>
                </a:gsLst>
                <a:lin ang="5400000" scaled="0"/>
              </a:gra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lt1">
                        <a:lumMod val="75000"/>
                      </a:schemeClr>
                    </a:solidFill>
                    <a:latin typeface="微軟正黑體" panose="020B0604030504040204" pitchFamily="34" charset="-120"/>
                    <a:ea typeface="微軟正黑體" panose="020B0604030504040204" pitchFamily="34" charset="-120"/>
                    <a:cs typeface="+mn-cs"/>
                  </a:defRPr>
                </a:pPr>
                <a:r>
                  <a:rPr lang="zh-TW" altLang="en-US" sz="1000">
                    <a:latin typeface="微軟正黑體" panose="020B0604030504040204" pitchFamily="34" charset="-120"/>
                    <a:ea typeface="微軟正黑體" panose="020B0604030504040204" pitchFamily="34" charset="-120"/>
                  </a:rPr>
                  <a:t>時間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lt1">
                      <a:lumMod val="75000"/>
                    </a:schemeClr>
                  </a:solidFill>
                  <a:latin typeface="微軟正黑體" panose="020B0604030504040204" pitchFamily="34" charset="-120"/>
                  <a:ea typeface="微軟正黑體" panose="020B0604030504040204" pitchFamily="34" charset="-120"/>
                  <a:cs typeface="+mn-cs"/>
                </a:defRPr>
              </a:pPr>
              <a:endParaRPr lang="zh-TW"/>
            </a:p>
          </c:txPr>
        </c:title>
        <c:majorTickMark val="none"/>
        <c:minorTickMark val="none"/>
        <c:tickLblPos val="nextTo"/>
        <c:crossAx val="517865248"/>
        <c:crosses val="autoZero"/>
        <c:auto val="1"/>
        <c:lblAlgn val="ctr"/>
        <c:lblOffset val="100"/>
        <c:tickLblSkip val="200"/>
        <c:tickMarkSkip val="1"/>
        <c:noMultiLvlLbl val="0"/>
      </c:catAx>
      <c:valAx>
        <c:axId val="517865248"/>
        <c:scaling>
          <c:orientation val="minMax"/>
        </c:scaling>
        <c:delete val="0"/>
        <c:axPos val="l"/>
        <c:majorGridlines>
          <c:spPr>
            <a:ln w="9525" cap="flat" cmpd="sng" algn="ctr">
              <a:gradFill>
                <a:gsLst>
                  <a:gs pos="100000">
                    <a:schemeClr val="dk1">
                      <a:lumMod val="75000"/>
                      <a:lumOff val="25000"/>
                    </a:schemeClr>
                  </a:gs>
                  <a:gs pos="0">
                    <a:schemeClr val="dk1">
                      <a:lumMod val="65000"/>
                      <a:lumOff val="35000"/>
                    </a:schemeClr>
                  </a:gs>
                </a:gsLst>
                <a:lin ang="5400000" scaled="0"/>
              </a:gra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lt1">
                        <a:lumMod val="75000"/>
                      </a:schemeClr>
                    </a:solidFill>
                    <a:latin typeface="微軟正黑體" panose="020B0604030504040204" pitchFamily="34" charset="-120"/>
                    <a:ea typeface="微軟正黑體" panose="020B0604030504040204" pitchFamily="34" charset="-120"/>
                    <a:cs typeface="+mn-cs"/>
                  </a:defRPr>
                </a:pPr>
                <a:r>
                  <a:rPr lang="zh-TW" altLang="en-US" sz="1000">
                    <a:latin typeface="微軟正黑體" panose="020B0604030504040204" pitchFamily="34" charset="-120"/>
                    <a:ea typeface="微軟正黑體" panose="020B0604030504040204" pitchFamily="34" charset="-120"/>
                  </a:rPr>
                  <a:t>落下週期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lt1">
                      <a:lumMod val="75000"/>
                    </a:schemeClr>
                  </a:solidFill>
                  <a:latin typeface="微軟正黑體" panose="020B0604030504040204" pitchFamily="34" charset="-120"/>
                  <a:ea typeface="微軟正黑體" panose="020B0604030504040204" pitchFamily="34" charset="-120"/>
                  <a:cs typeface="+mn-cs"/>
                </a:defRPr>
              </a:pPr>
              <a:endParaRPr lang="zh-TW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lt1">
                    <a:lumMod val="7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TW"/>
          </a:p>
        </c:txPr>
        <c:crossAx val="517862336"/>
        <c:crossesAt val="1"/>
        <c:crossBetween val="midCat"/>
        <c:minorUnit val="50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dk1">
        <a:lumMod val="75000"/>
        <a:lumOff val="25000"/>
      </a:schemeClr>
    </a:solidFill>
    <a:ln w="9525" cap="flat" cmpd="sng" algn="ctr">
      <a:solidFill>
        <a:schemeClr val="dk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zh-TW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zh-TW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工作表3!$A:$A</c:f>
              <c:strCache>
                <c:ptCount val="1048576"/>
                <c:pt idx="0">
                  <c:v>500.0000000000000 </c:v>
                </c:pt>
                <c:pt idx="1">
                  <c:v>498.8500000000000 </c:v>
                </c:pt>
                <c:pt idx="2">
                  <c:v>497.7026450000000 </c:v>
                </c:pt>
                <c:pt idx="3">
                  <c:v>496.5579289165000 </c:v>
                </c:pt>
                <c:pt idx="4">
                  <c:v>495.4158456799920 </c:v>
                </c:pt>
                <c:pt idx="5">
                  <c:v>494.2763892349280 </c:v>
                </c:pt>
                <c:pt idx="6">
                  <c:v>493.1395535396880 </c:v>
                </c:pt>
                <c:pt idx="7">
                  <c:v>492.0053325665470 </c:v>
                </c:pt>
                <c:pt idx="8">
                  <c:v>490.8737203016440 </c:v>
                </c:pt>
                <c:pt idx="9">
                  <c:v>489.7447107449500 </c:v>
                </c:pt>
                <c:pt idx="10">
                  <c:v>488.6182979102360 </c:v>
                </c:pt>
                <c:pt idx="11">
                  <c:v>487.4944758250430 </c:v>
                </c:pt>
                <c:pt idx="12">
                  <c:v>486.3732385306450 </c:v>
                </c:pt>
                <c:pt idx="13">
                  <c:v>485.2545800820250 </c:v>
                </c:pt>
                <c:pt idx="14">
                  <c:v>484.1384945478360 </c:v>
                </c:pt>
                <c:pt idx="15">
                  <c:v>483.0249760103760 </c:v>
                </c:pt>
                <c:pt idx="16">
                  <c:v>481.9140185655520 </c:v>
                </c:pt>
                <c:pt idx="17">
                  <c:v>480.8056163228520 </c:v>
                </c:pt>
                <c:pt idx="18">
                  <c:v>479.6997634053090 </c:v>
                </c:pt>
                <c:pt idx="19">
                  <c:v>478.5964539494770 </c:v>
                </c:pt>
                <c:pt idx="20">
                  <c:v>477.4956821053930 </c:v>
                </c:pt>
                <c:pt idx="21">
                  <c:v>476.3974420365510 </c:v>
                </c:pt>
                <c:pt idx="22">
                  <c:v>475.3017279198670 </c:v>
                </c:pt>
                <c:pt idx="23">
                  <c:v>474.2085339456510 </c:v>
                </c:pt>
                <c:pt idx="24">
                  <c:v>473.1178543175760 </c:v>
                </c:pt>
                <c:pt idx="25">
                  <c:v>472.0296832526460 </c:v>
                </c:pt>
                <c:pt idx="26">
                  <c:v>470.9440149811650 </c:v>
                </c:pt>
                <c:pt idx="27">
                  <c:v>469.8608437467080 </c:v>
                </c:pt>
                <c:pt idx="28">
                  <c:v>468.7801638060910 </c:v>
                </c:pt>
                <c:pt idx="29">
                  <c:v>467.7019694293360 </c:v>
                </c:pt>
                <c:pt idx="30">
                  <c:v>466.6262548996490 </c:v>
                </c:pt>
                <c:pt idx="31">
                  <c:v>465.5530145133800 </c:v>
                </c:pt>
                <c:pt idx="32">
                  <c:v>464.4822425799990 </c:v>
                </c:pt>
                <c:pt idx="33">
                  <c:v>463.4139334220650 </c:v>
                </c:pt>
                <c:pt idx="34">
                  <c:v>462.3480813751940 </c:v>
                </c:pt>
                <c:pt idx="35">
                  <c:v>461.2846807880320 </c:v>
                </c:pt>
                <c:pt idx="36">
                  <c:v>460.2237260222190 </c:v>
                </c:pt>
                <c:pt idx="37">
                  <c:v>459.1652114523680 </c:v>
                </c:pt>
                <c:pt idx="38">
                  <c:v>458.1091314660280 </c:v>
                </c:pt>
                <c:pt idx="39">
                  <c:v>457.0554804636560 </c:v>
                </c:pt>
                <c:pt idx="40">
                  <c:v>456.0042528585890 </c:v>
                </c:pt>
                <c:pt idx="41">
                  <c:v>454.9554430770150 </c:v>
                </c:pt>
                <c:pt idx="42">
                  <c:v>453.9090455579370 </c:v>
                </c:pt>
                <c:pt idx="43">
                  <c:v>452.8650547531540 </c:v>
                </c:pt>
                <c:pt idx="44">
                  <c:v>451.8234651272220 </c:v>
                </c:pt>
                <c:pt idx="45">
                  <c:v>450.7842711574290 </c:v>
                </c:pt>
                <c:pt idx="46">
                  <c:v>449.7474673337670 </c:v>
                </c:pt>
                <c:pt idx="47">
                  <c:v>448.7130481589000 </c:v>
                </c:pt>
                <c:pt idx="48">
                  <c:v>447.6810081481340 </c:v>
                </c:pt>
                <c:pt idx="49">
                  <c:v>446.6513418293940 </c:v>
                </c:pt>
                <c:pt idx="50">
                  <c:v>445.6240437431860 </c:v>
                </c:pt>
                <c:pt idx="51">
                  <c:v>444.5991084425770 </c:v>
                </c:pt>
                <c:pt idx="52">
                  <c:v>443.5765304931590 </c:v>
                </c:pt>
                <c:pt idx="53">
                  <c:v>442.5563044730250 </c:v>
                </c:pt>
                <c:pt idx="54">
                  <c:v>441.5384249727370 </c:v>
                </c:pt>
                <c:pt idx="55">
                  <c:v>440.5228865952990 </c:v>
                </c:pt>
                <c:pt idx="56">
                  <c:v>439.5096839561300 </c:v>
                </c:pt>
                <c:pt idx="57">
                  <c:v>438.4988116830310 </c:v>
                </c:pt>
                <c:pt idx="58">
                  <c:v>437.4902644161600 </c:v>
                </c:pt>
                <c:pt idx="59">
                  <c:v>436.4840368080030 </c:v>
                </c:pt>
                <c:pt idx="60">
                  <c:v>435.4801235233450 </c:v>
                </c:pt>
                <c:pt idx="61">
                  <c:v>434.4785192392410 </c:v>
                </c:pt>
                <c:pt idx="62">
                  <c:v>433.4792186449910 </c:v>
                </c:pt>
                <c:pt idx="63">
                  <c:v>432.4822164421070 </c:v>
                </c:pt>
                <c:pt idx="64">
                  <c:v>431.4875073442900 </c:v>
                </c:pt>
                <c:pt idx="65">
                  <c:v>430.4950860773990 </c:v>
                </c:pt>
                <c:pt idx="66">
                  <c:v>429.5049473794210 </c:v>
                </c:pt>
                <c:pt idx="67">
                  <c:v>428.5170860004480 </c:v>
                </c:pt>
                <c:pt idx="68">
                  <c:v>427.5314967026470 </c:v>
                </c:pt>
                <c:pt idx="69">
                  <c:v>426.5481742602310 </c:v>
                </c:pt>
                <c:pt idx="70">
                  <c:v>425.5671134594320 </c:v>
                </c:pt>
                <c:pt idx="71">
                  <c:v>424.5883090984760 </c:v>
                </c:pt>
                <c:pt idx="72">
                  <c:v>423.6117559875490 </c:v>
                </c:pt>
                <c:pt idx="73">
                  <c:v>422.6374489487780 </c:v>
                </c:pt>
                <c:pt idx="74">
                  <c:v>421.6653828161960 </c:v>
                </c:pt>
                <c:pt idx="75">
                  <c:v>420.6955524357180 </c:v>
                </c:pt>
                <c:pt idx="76">
                  <c:v>419.7279526651160 </c:v>
                </c:pt>
                <c:pt idx="77">
                  <c:v>418.7625783739870 </c:v>
                </c:pt>
                <c:pt idx="78">
                  <c:v>417.7994244437260 </c:v>
                </c:pt>
                <c:pt idx="79">
                  <c:v>416.8384857675060 </c:v>
                </c:pt>
                <c:pt idx="80">
                  <c:v>415.8797572502410 </c:v>
                </c:pt>
                <c:pt idx="81">
                  <c:v>414.9232338085650 </c:v>
                </c:pt>
                <c:pt idx="82">
                  <c:v>413.9689103708050 </c:v>
                </c:pt>
                <c:pt idx="83">
                  <c:v>413.0167818769530 </c:v>
                </c:pt>
                <c:pt idx="84">
                  <c:v>412.0668432786360 </c:v>
                </c:pt>
                <c:pt idx="85">
                  <c:v>411.1190895390950 </c:v>
                </c:pt>
                <c:pt idx="86">
                  <c:v>410.1735156331550 </c:v>
                </c:pt>
                <c:pt idx="87">
                  <c:v>409.2301165471990 </c:v>
                </c:pt>
                <c:pt idx="88">
                  <c:v>408.2888872791400 </c:v>
                </c:pt>
                <c:pt idx="89">
                  <c:v>407.3498228383980 </c:v>
                </c:pt>
                <c:pt idx="90">
                  <c:v>406.4129182458700 </c:v>
                </c:pt>
                <c:pt idx="91">
                  <c:v>405.4781685339040 </c:v>
                </c:pt>
                <c:pt idx="92">
                  <c:v>404.5455687462760 </c:v>
                </c:pt>
                <c:pt idx="93">
                  <c:v>403.6151139381600 </c:v>
                </c:pt>
                <c:pt idx="94">
                  <c:v>402.6867991761020 </c:v>
                </c:pt>
                <c:pt idx="95">
                  <c:v>401.7606195379970 </c:v>
                </c:pt>
                <c:pt idx="96">
                  <c:v>400.8365701130600 </c:v>
                </c:pt>
                <c:pt idx="97">
                  <c:v>399.9146460018000 </c:v>
                </c:pt>
                <c:pt idx="98">
                  <c:v>398.9948423159960 </c:v>
                </c:pt>
                <c:pt idx="99">
                  <c:v>398.0771541786690 </c:v>
                </c:pt>
                <c:pt idx="100">
                  <c:v>397.1615767240580 </c:v>
                </c:pt>
                <c:pt idx="101">
                  <c:v>396.2481050975930 </c:v>
                </c:pt>
                <c:pt idx="102">
                  <c:v>395.3367344558680 </c:v>
                </c:pt>
                <c:pt idx="103">
                  <c:v>394.4274599666200 </c:v>
                </c:pt>
                <c:pt idx="104">
                  <c:v>393.5202768086960 </c:v>
                </c:pt>
                <c:pt idx="105">
                  <c:v>392.6151801720360 </c:v>
                </c:pt>
                <c:pt idx="106">
                  <c:v>391.7121652576410 </c:v>
                </c:pt>
                <c:pt idx="107">
                  <c:v>390.8112272775480 </c:v>
                </c:pt>
                <c:pt idx="108">
                  <c:v>389.9123614548100 </c:v>
                </c:pt>
                <c:pt idx="109">
                  <c:v>389.0155630234640 </c:v>
                </c:pt>
                <c:pt idx="110">
                  <c:v>388.1208272285100 </c:v>
                </c:pt>
                <c:pt idx="111">
                  <c:v>387.2281493258840 </c:v>
                </c:pt>
                <c:pt idx="112">
                  <c:v>386.3375245824350 </c:v>
                </c:pt>
                <c:pt idx="113">
                  <c:v>385.4489482758950 </c:v>
                </c:pt>
                <c:pt idx="114">
                  <c:v>384.5624156948610 </c:v>
                </c:pt>
                <c:pt idx="115">
                  <c:v>383.6779221387620 </c:v>
                </c:pt>
                <c:pt idx="116">
                  <c:v>382.7954629178430 </c:v>
                </c:pt>
                <c:pt idx="117">
                  <c:v>381.9150333531320 </c:v>
                </c:pt>
                <c:pt idx="118">
                  <c:v>381.0366287764200 </c:v>
                </c:pt>
                <c:pt idx="119">
                  <c:v>380.1602445302340 </c:v>
                </c:pt>
                <c:pt idx="120">
                  <c:v>379.2858759678150 </c:v>
                </c:pt>
                <c:pt idx="121">
                  <c:v>378.4135184530890 </c:v>
                </c:pt>
                <c:pt idx="122">
                  <c:v>377.5431673606470 </c:v>
                </c:pt>
                <c:pt idx="123">
                  <c:v>376.6748180757170 </c:v>
                </c:pt>
                <c:pt idx="124">
                  <c:v>375.8084659941430 </c:v>
                </c:pt>
                <c:pt idx="125">
                  <c:v>374.9441065223570 </c:v>
                </c:pt>
                <c:pt idx="126">
                  <c:v>374.0817350773550 </c:v>
                </c:pt>
                <c:pt idx="127">
                  <c:v>373.2213470866770 </c:v>
                </c:pt>
                <c:pt idx="128">
                  <c:v>372.3629379883780 </c:v>
                </c:pt>
                <c:pt idx="129">
                  <c:v>371.5065032310050 </c:v>
                </c:pt>
                <c:pt idx="130">
                  <c:v>370.6520382735740 </c:v>
                </c:pt>
                <c:pt idx="131">
                  <c:v>369.7995385855440 </c:v>
                </c:pt>
                <c:pt idx="132">
                  <c:v>368.9489996467980 </c:v>
                </c:pt>
                <c:pt idx="133">
                  <c:v>368.1004169476100 </c:v>
                </c:pt>
                <c:pt idx="134">
                  <c:v>367.2537859886300 </c:v>
                </c:pt>
                <c:pt idx="135">
                  <c:v>366.4091022808570 </c:v>
                </c:pt>
                <c:pt idx="136">
                  <c:v>365.5663613456110 </c:v>
                </c:pt>
                <c:pt idx="137">
                  <c:v>364.7255587145160 </c:v>
                </c:pt>
                <c:pt idx="138">
                  <c:v>363.8866899294720 </c:v>
                </c:pt>
                <c:pt idx="139">
                  <c:v>363.0497505426350 </c:v>
                </c:pt>
                <c:pt idx="140">
                  <c:v>362.2147361163870 </c:v>
                </c:pt>
                <c:pt idx="141">
                  <c:v>361.3816422233190 </c:v>
                </c:pt>
                <c:pt idx="142">
                  <c:v>360.5504644462050 </c:v>
                </c:pt>
                <c:pt idx="143">
                  <c:v>359.7211983779790 </c:v>
                </c:pt>
                <c:pt idx="144">
                  <c:v>358.8938396217100 </c:v>
                </c:pt>
                <c:pt idx="145">
                  <c:v>358.0683837905800 </c:v>
                </c:pt>
                <c:pt idx="146">
                  <c:v>357.2448265078610 </c:v>
                </c:pt>
                <c:pt idx="147">
                  <c:v>356.4231634068930 </c:v>
                </c:pt>
                <c:pt idx="148">
                  <c:v>355.6033901310580 </c:v>
                </c:pt>
                <c:pt idx="149">
                  <c:v>354.7855023337560 </c:v>
                </c:pt>
                <c:pt idx="150">
                  <c:v>353.9694956783890 </c:v>
                </c:pt>
                <c:pt idx="151">
                  <c:v>353.1553658383280 </c:v>
                </c:pt>
                <c:pt idx="152">
                  <c:v>352.3431084969000 </c:v>
                </c:pt>
                <c:pt idx="153">
                  <c:v>351.5327193473570 </c:v>
                </c:pt>
                <c:pt idx="154">
                  <c:v>350.7241940928580 </c:v>
                </c:pt>
                <c:pt idx="155">
                  <c:v>349.9175284464450 </c:v>
                </c:pt>
                <c:pt idx="156">
                  <c:v>349.1127181310180 </c:v>
                </c:pt>
                <c:pt idx="157">
                  <c:v>348.3097588793170 </c:v>
                </c:pt>
                <c:pt idx="158">
                  <c:v>347.5086464338940 </c:v>
                </c:pt>
                <c:pt idx="159">
                  <c:v>346.7093765470960 </c:v>
                </c:pt>
                <c:pt idx="160">
                  <c:v>345.9119449810380 </c:v>
                </c:pt>
                <c:pt idx="161">
                  <c:v>345.1163475075820 </c:v>
                </c:pt>
                <c:pt idx="162">
                  <c:v>344.3225799083140 </c:v>
                </c:pt>
                <c:pt idx="163">
                  <c:v>343.5306379745250 </c:v>
                </c:pt>
                <c:pt idx="164">
                  <c:v>342.7405175071840 </c:v>
                </c:pt>
                <c:pt idx="165">
                  <c:v>341.9522143169170 </c:v>
                </c:pt>
                <c:pt idx="166">
                  <c:v>341.1657242239880 </c:v>
                </c:pt>
                <c:pt idx="167">
                  <c:v>340.3810430582730 </c:v>
                </c:pt>
                <c:pt idx="168">
                  <c:v>339.5981666592390 </c:v>
                </c:pt>
                <c:pt idx="169">
                  <c:v>338.8170908759230 </c:v>
                </c:pt>
                <c:pt idx="170">
                  <c:v>338.0378115669080 </c:v>
                </c:pt>
                <c:pt idx="171">
                  <c:v>337.2603246003040 </c:v>
                </c:pt>
                <c:pt idx="172">
                  <c:v>336.4846258537240 </c:v>
                </c:pt>
                <c:pt idx="173">
                  <c:v>335.7107112142600 </c:v>
                </c:pt>
                <c:pt idx="174">
                  <c:v>334.9385765784670 </c:v>
                </c:pt>
                <c:pt idx="175">
                  <c:v>334.1682178523370 </c:v>
                </c:pt>
                <c:pt idx="176">
                  <c:v>333.3996309512770 </c:v>
                </c:pt>
                <c:pt idx="177">
                  <c:v>332.6328118000890 </c:v>
                </c:pt>
                <c:pt idx="178">
                  <c:v>331.8677563329480 </c:v>
                </c:pt>
                <c:pt idx="179">
                  <c:v>331.1044604933830 </c:v>
                </c:pt>
                <c:pt idx="180">
                  <c:v>330.3429202342480 </c:v>
                </c:pt>
                <c:pt idx="181">
                  <c:v>329.5831315177090 </c:v>
                </c:pt>
                <c:pt idx="182">
                  <c:v>328.8250903152180 </c:v>
                </c:pt>
                <c:pt idx="183">
                  <c:v>328.0687926074930 </c:v>
                </c:pt>
                <c:pt idx="184">
                  <c:v>327.3142343844960 </c:v>
                </c:pt>
                <c:pt idx="185">
                  <c:v>326.5614116454120 </c:v>
                </c:pt>
                <c:pt idx="186">
                  <c:v>325.8103203986270 </c:v>
                </c:pt>
                <c:pt idx="187">
                  <c:v>325.0609566617110 </c:v>
                </c:pt>
                <c:pt idx="188">
                  <c:v>324.3133164613890 </c:v>
                </c:pt>
                <c:pt idx="189">
                  <c:v>323.5673958335270 </c:v>
                </c:pt>
                <c:pt idx="190">
                  <c:v>322.8231908231100 </c:v>
                </c:pt>
                <c:pt idx="191">
                  <c:v>322.0806974842170 </c:v>
                </c:pt>
                <c:pt idx="192">
                  <c:v>321.3399118800040 </c:v>
                </c:pt>
                <c:pt idx="193">
                  <c:v>320.6008300826800 </c:v>
                </c:pt>
                <c:pt idx="194">
                  <c:v>319.8634481734890 </c:v>
                </c:pt>
                <c:pt idx="195">
                  <c:v>319.1277622426900 </c:v>
                </c:pt>
                <c:pt idx="196">
                  <c:v>318.3937683895320 </c:v>
                </c:pt>
                <c:pt idx="197">
                  <c:v>317.6614627222360 </c:v>
                </c:pt>
                <c:pt idx="198">
                  <c:v>316.9308413579750 </c:v>
                </c:pt>
                <c:pt idx="199">
                  <c:v>316.2019004228520 </c:v>
                </c:pt>
                <c:pt idx="200">
                  <c:v>315.4746360518790 </c:v>
                </c:pt>
                <c:pt idx="201">
                  <c:v>314.7490443889600 </c:v>
                </c:pt>
                <c:pt idx="202">
                  <c:v>314.0251215868650 </c:v>
                </c:pt>
                <c:pt idx="203">
                  <c:v>313.3028638072160 </c:v>
                </c:pt>
                <c:pt idx="204">
                  <c:v>312.5822672204590 </c:v>
                </c:pt>
                <c:pt idx="205">
                  <c:v>311.8633280058520 </c:v>
                </c:pt>
                <c:pt idx="206">
                  <c:v>311.1460423514390 </c:v>
                </c:pt>
                <c:pt idx="207">
                  <c:v>310.4304064540300 </c:v>
                </c:pt>
                <c:pt idx="208">
                  <c:v>309.7164165191860 </c:v>
                </c:pt>
                <c:pt idx="209">
                  <c:v>309.0040687611920 </c:v>
                </c:pt>
                <c:pt idx="210">
                  <c:v>308.2933594030410 </c:v>
                </c:pt>
                <c:pt idx="211">
                  <c:v>307.5842846764140 </c:v>
                </c:pt>
                <c:pt idx="212">
                  <c:v>306.8768408216590 </c:v>
                </c:pt>
                <c:pt idx="213">
                  <c:v>306.1710240877690 </c:v>
                </c:pt>
                <c:pt idx="214">
                  <c:v>305.4668307323670 </c:v>
                </c:pt>
                <c:pt idx="215">
                  <c:v>304.7642570216820 </c:v>
                </c:pt>
                <c:pt idx="216">
                  <c:v>304.0632992305330 </c:v>
                </c:pt>
                <c:pt idx="217">
                  <c:v>303.3639536423020 </c:v>
                </c:pt>
                <c:pt idx="218">
                  <c:v>302.6662165489250 </c:v>
                </c:pt>
                <c:pt idx="219">
                  <c:v>301.9700842508620 </c:v>
                </c:pt>
                <c:pt idx="220">
                  <c:v>301.2755530570860 </c:v>
                </c:pt>
                <c:pt idx="221">
                  <c:v>300.5826192850540 </c:v>
                </c:pt>
                <c:pt idx="222">
                  <c:v>299.8912792606990 </c:v>
                </c:pt>
                <c:pt idx="223">
                  <c:v>299.2015293183990 </c:v>
                </c:pt>
                <c:pt idx="224">
                  <c:v>298.5133658009670 </c:v>
                </c:pt>
                <c:pt idx="225">
                  <c:v>297.8267850596250 </c:v>
                </c:pt>
                <c:pt idx="226">
                  <c:v>297.1417834539880 </c:v>
                </c:pt>
                <c:pt idx="227">
                  <c:v>296.4583573520430 </c:v>
                </c:pt>
                <c:pt idx="228">
                  <c:v>295.7765031301340 </c:v>
                </c:pt>
                <c:pt idx="229">
                  <c:v>295.0962171729340 </c:v>
                </c:pt>
                <c:pt idx="230">
                  <c:v>294.4174958734370 </c:v>
                </c:pt>
                <c:pt idx="231">
                  <c:v>293.7403356329280 </c:v>
                </c:pt>
                <c:pt idx="232">
                  <c:v>293.0647328609720 </c:v>
                </c:pt>
                <c:pt idx="233">
                  <c:v>292.3906839753920 </c:v>
                </c:pt>
                <c:pt idx="234">
                  <c:v>291.7181854022480 </c:v>
                </c:pt>
                <c:pt idx="235">
                  <c:v>291.0472335758230 </c:v>
                </c:pt>
                <c:pt idx="236">
                  <c:v>290.3778249385990 </c:v>
                </c:pt>
                <c:pt idx="237">
                  <c:v>289.7099559412400 </c:v>
                </c:pt>
                <c:pt idx="238">
                  <c:v>289.0436230425750 </c:v>
                </c:pt>
                <c:pt idx="239">
                  <c:v>288.3788227095770 </c:v>
                </c:pt>
                <c:pt idx="240">
                  <c:v>287.7155514173450 </c:v>
                </c:pt>
                <c:pt idx="241">
                  <c:v>287.0538056490850 </c:v>
                </c:pt>
                <c:pt idx="242">
                  <c:v>286.3935818960930 </c:v>
                </c:pt>
                <c:pt idx="243">
                  <c:v>285.7348766577310 </c:v>
                </c:pt>
                <c:pt idx="244">
                  <c:v>285.0776864414190 </c:v>
                </c:pt>
                <c:pt idx="245">
                  <c:v>284.4220077626040 </c:v>
                </c:pt>
                <c:pt idx="246">
                  <c:v>283.7678371447500 </c:v>
                </c:pt>
                <c:pt idx="247">
                  <c:v>283.1151711193170 </c:v>
                </c:pt>
                <c:pt idx="248">
                  <c:v>282.4640062257420 </c:v>
                </c:pt>
                <c:pt idx="249">
                  <c:v>281.8143390114230 </c:v>
                </c:pt>
                <c:pt idx="250">
                  <c:v>281.1661660316970 </c:v>
                </c:pt>
                <c:pt idx="251">
                  <c:v>280.5194838498240 </c:v>
                </c:pt>
                <c:pt idx="252">
                  <c:v>279.8742890369690 </c:v>
                </c:pt>
                <c:pt idx="253">
                  <c:v>279.2305781721840 </c:v>
                </c:pt>
                <c:pt idx="254">
                  <c:v>278.5883478423880 </c:v>
                </c:pt>
                <c:pt idx="255">
                  <c:v>277.9475946423510 </c:v>
                </c:pt>
                <c:pt idx="256">
                  <c:v>277.3083151746730 </c:v>
                </c:pt>
                <c:pt idx="257">
                  <c:v>276.6705060497720 </c:v>
                </c:pt>
                <c:pt idx="258">
                  <c:v>276.0341638858570 </c:v>
                </c:pt>
                <c:pt idx="259">
                  <c:v>275.3992853089200 </c:v>
                </c:pt>
                <c:pt idx="260">
                  <c:v>274.7658669527090 </c:v>
                </c:pt>
                <c:pt idx="261">
                  <c:v>274.1339054587180 </c:v>
                </c:pt>
                <c:pt idx="262">
                  <c:v>273.5033974761630 </c:v>
                </c:pt>
                <c:pt idx="263">
                  <c:v>272.8743396619680 </c:v>
                </c:pt>
                <c:pt idx="264">
                  <c:v>272.2467286807450 </c:v>
                </c:pt>
                <c:pt idx="265">
                  <c:v>271.6205612047800 </c:v>
                </c:pt>
                <c:pt idx="266">
                  <c:v>270.9958339140090 </c:v>
                </c:pt>
                <c:pt idx="267">
                  <c:v>270.3725434960060 </c:v>
                </c:pt>
                <c:pt idx="268">
                  <c:v>269.7506866459660 </c:v>
                </c:pt>
                <c:pt idx="269">
                  <c:v>269.1302600666800 </c:v>
                </c:pt>
                <c:pt idx="270">
                  <c:v>268.5112604685270 </c:v>
                </c:pt>
                <c:pt idx="271">
                  <c:v>267.8936845694490 </c:v>
                </c:pt>
                <c:pt idx="272">
                  <c:v>267.2775290949390 </c:v>
                </c:pt>
                <c:pt idx="273">
                  <c:v>266.6627907780210 </c:v>
                </c:pt>
                <c:pt idx="274">
                  <c:v>266.0494663592310 </c:v>
                </c:pt>
                <c:pt idx="275">
                  <c:v>265.4375525866050 </c:v>
                </c:pt>
                <c:pt idx="276">
                  <c:v>264.8270462156560 </c:v>
                </c:pt>
                <c:pt idx="277">
                  <c:v>264.2179440093600 </c:v>
                </c:pt>
                <c:pt idx="278">
                  <c:v>263.6102427381380 </c:v>
                </c:pt>
                <c:pt idx="279">
                  <c:v>263.0039391798410 </c:v>
                </c:pt>
                <c:pt idx="280">
                  <c:v>262.3990301197270 </c:v>
                </c:pt>
                <c:pt idx="281">
                  <c:v>261.7955123504520 </c:v>
                </c:pt>
                <c:pt idx="282">
                  <c:v>261.1933826720460 </c:v>
                </c:pt>
                <c:pt idx="283">
                  <c:v>260.5926378919000 </c:v>
                </c:pt>
                <c:pt idx="284">
                  <c:v>259.9932748247490 </c:v>
                </c:pt>
                <c:pt idx="285">
                  <c:v>259.3952902926520 </c:v>
                </c:pt>
                <c:pt idx="286">
                  <c:v>258.7986811249790 </c:v>
                </c:pt>
                <c:pt idx="287">
                  <c:v>258.2034441583910 </c:v>
                </c:pt>
                <c:pt idx="288">
                  <c:v>257.6095762368270 </c:v>
                </c:pt>
                <c:pt idx="289">
                  <c:v>257.0170742114820 </c:v>
                </c:pt>
                <c:pt idx="290">
                  <c:v>256.4259349407960 </c:v>
                </c:pt>
                <c:pt idx="291">
                  <c:v>255.8361552904320 </c:v>
                </c:pt>
                <c:pt idx="292">
                  <c:v>255.2477321332640 </c:v>
                </c:pt>
                <c:pt idx="293">
                  <c:v>254.6606623493580 </c:v>
                </c:pt>
                <c:pt idx="294">
                  <c:v>254.0749428259540 </c:v>
                </c:pt>
                <c:pt idx="295">
                  <c:v>253.4905704574540 </c:v>
                </c:pt>
                <c:pt idx="296">
                  <c:v>252.9075421454020 </c:v>
                </c:pt>
                <c:pt idx="297">
                  <c:v>252.3258547984680 </c:v>
                </c:pt>
                <c:pt idx="298">
                  <c:v>251.7455053324310 </c:v>
                </c:pt>
                <c:pt idx="299">
                  <c:v>251.1664906701670 </c:v>
                </c:pt>
                <c:pt idx="300">
                  <c:v>250.5888077416250 </c:v>
                </c:pt>
                <c:pt idx="301">
                  <c:v>250.0124534838200 </c:v>
                </c:pt>
                <c:pt idx="302">
                  <c:v>249.4374248408070 </c:v>
                </c:pt>
                <c:pt idx="303">
                  <c:v>248.8637187636730 </c:v>
                </c:pt>
                <c:pt idx="304">
                  <c:v>248.2913322105170 </c:v>
                </c:pt>
                <c:pt idx="305">
                  <c:v>247.7202621464320 </c:v>
                </c:pt>
                <c:pt idx="306">
                  <c:v>247.1505055434960 </c:v>
                </c:pt>
                <c:pt idx="307">
                  <c:v>246.5820593807460 </c:v>
                </c:pt>
                <c:pt idx="308">
                  <c:v>246.0149206441700 </c:v>
                </c:pt>
                <c:pt idx="309">
                  <c:v>245.4490863266880 </c:v>
                </c:pt>
                <c:pt idx="310">
                  <c:v>244.8845534281370 </c:v>
                </c:pt>
                <c:pt idx="311">
                  <c:v>244.3213189552520 </c:v>
                </c:pt>
                <c:pt idx="312">
                  <c:v>243.7593799216550 </c:v>
                </c:pt>
                <c:pt idx="313">
                  <c:v>243.1987333478350 </c:v>
                </c:pt>
                <c:pt idx="314">
                  <c:v>242.6393762611350 </c:v>
                </c:pt>
                <c:pt idx="315">
                  <c:v>242.0813056957350 </c:v>
                </c:pt>
                <c:pt idx="316">
                  <c:v>241.5245186926350 </c:v>
                </c:pt>
                <c:pt idx="317">
                  <c:v>240.9690122996420 </c:v>
                </c:pt>
                <c:pt idx="318">
                  <c:v>240.4147835713520 </c:v>
                </c:pt>
                <c:pt idx="319">
                  <c:v>239.8618295691380 </c:v>
                </c:pt>
                <c:pt idx="320">
                  <c:v>239.3101473611290 </c:v>
                </c:pt>
                <c:pt idx="321">
                  <c:v>238.7597340221990 </c:v>
                </c:pt>
                <c:pt idx="322">
                  <c:v>238.2105866339480 </c:v>
                </c:pt>
                <c:pt idx="323">
                  <c:v>237.6627022846900 </c:v>
                </c:pt>
                <c:pt idx="324">
                  <c:v>237.1160780694350 </c:v>
                </c:pt>
                <c:pt idx="325">
                  <c:v>236.5707110898750 </c:v>
                </c:pt>
                <c:pt idx="326">
                  <c:v>236.0265984543680 </c:v>
                </c:pt>
                <c:pt idx="327">
                  <c:v>235.4837372779230 </c:v>
                </c:pt>
                <c:pt idx="328">
                  <c:v>234.9421246821840 </c:v>
                </c:pt>
                <c:pt idx="329">
                  <c:v>234.4017577954150 </c:v>
                </c:pt>
                <c:pt idx="330">
                  <c:v>233.8626337524860 </c:v>
                </c:pt>
                <c:pt idx="331">
                  <c:v>233.3247496948550 </c:v>
                </c:pt>
                <c:pt idx="332">
                  <c:v>232.7881027705570 </c:v>
                </c:pt>
                <c:pt idx="333">
                  <c:v>232.2526901341850 </c:v>
                </c:pt>
                <c:pt idx="334">
                  <c:v>231.7185089468760 </c:v>
                </c:pt>
                <c:pt idx="335">
                  <c:v>231.1855563762980 </c:v>
                </c:pt>
                <c:pt idx="336">
                  <c:v>230.6538295966330 </c:v>
                </c:pt>
                <c:pt idx="337">
                  <c:v>230.1233257885600 </c:v>
                </c:pt>
                <c:pt idx="338">
                  <c:v>229.5940421392470 </c:v>
                </c:pt>
                <c:pt idx="339">
                  <c:v>229.0659758423270 </c:v>
                </c:pt>
                <c:pt idx="340">
                  <c:v>228.5391240978890 </c:v>
                </c:pt>
                <c:pt idx="341">
                  <c:v>228.0134841124640 </c:v>
                </c:pt>
                <c:pt idx="342">
                  <c:v>227.4890530990050 </c:v>
                </c:pt>
                <c:pt idx="343">
                  <c:v>226.9658282768780 </c:v>
                </c:pt>
                <c:pt idx="344">
                  <c:v>226.4438068718410 </c:v>
                </c:pt>
                <c:pt idx="345">
                  <c:v>225.9229861160360 </c:v>
                </c:pt>
                <c:pt idx="346">
                  <c:v>225.4033632479690 </c:v>
                </c:pt>
                <c:pt idx="347">
                  <c:v>224.8849355124980 </c:v>
                </c:pt>
                <c:pt idx="348">
                  <c:v>224.3677001608200 </c:v>
                </c:pt>
                <c:pt idx="349">
                  <c:v>223.8516544504500 </c:v>
                </c:pt>
                <c:pt idx="350">
                  <c:v>223.3367956452140 </c:v>
                </c:pt>
                <c:pt idx="351">
                  <c:v>222.8231210152300 </c:v>
                </c:pt>
                <c:pt idx="352">
                  <c:v>222.3106278368950 </c:v>
                </c:pt>
                <c:pt idx="353">
                  <c:v>221.7993133928700 </c:v>
                </c:pt>
                <c:pt idx="354">
                  <c:v>221.2891749720660 </c:v>
                </c:pt>
                <c:pt idx="355">
                  <c:v>220.7802098696310 </c:v>
                </c:pt>
                <c:pt idx="356">
                  <c:v>220.2724153869300 </c:v>
                </c:pt>
                <c:pt idx="357">
                  <c:v>219.7657888315410 </c:v>
                </c:pt>
                <c:pt idx="358">
                  <c:v>219.2603275172280 </c:v>
                </c:pt>
                <c:pt idx="359">
                  <c:v>218.7560287639380 </c:v>
                </c:pt>
                <c:pt idx="360">
                  <c:v>218.2528898977810 </c:v>
                </c:pt>
                <c:pt idx="361">
                  <c:v>217.7509082510160 </c:v>
                </c:pt>
                <c:pt idx="362">
                  <c:v>217.2500811620390 </c:v>
                </c:pt>
                <c:pt idx="363">
                  <c:v>216.7504059753660 </c:v>
                </c:pt>
                <c:pt idx="364">
                  <c:v>216.2518800416230 </c:v>
                </c:pt>
                <c:pt idx="365">
                  <c:v>215.7545007175270 </c:v>
                </c:pt>
                <c:pt idx="366">
                  <c:v>215.2582653658770 </c:v>
                </c:pt>
                <c:pt idx="367">
                  <c:v>214.7631713555360 </c:v>
                </c:pt>
                <c:pt idx="368">
                  <c:v>214.2692160614180 </c:v>
                </c:pt>
                <c:pt idx="369">
                  <c:v>213.7763968644770 </c:v>
                </c:pt>
                <c:pt idx="370">
                  <c:v>213.2847111516880 </c:v>
                </c:pt>
                <c:pt idx="371">
                  <c:v>212.7941563160390 </c:v>
                </c:pt>
                <c:pt idx="372">
                  <c:v>212.3047297565130 </c:v>
                </c:pt>
                <c:pt idx="373">
                  <c:v>211.8164288780730 </c:v>
                </c:pt>
                <c:pt idx="374">
                  <c:v>211.3292510916530 </c:v>
                </c:pt>
                <c:pt idx="375">
                  <c:v>210.8431938141420 </c:v>
                </c:pt>
                <c:pt idx="376">
                  <c:v>210.3582544683700 </c:v>
                </c:pt>
                <c:pt idx="377">
                  <c:v>209.8744304830930 </c:v>
                </c:pt>
                <c:pt idx="378">
                  <c:v>209.3917192929810 </c:v>
                </c:pt>
                <c:pt idx="379">
                  <c:v>208.9101183386080 </c:v>
                </c:pt>
                <c:pt idx="380">
                  <c:v>208.4296250664290 </c:v>
                </c:pt>
                <c:pt idx="381">
                  <c:v>207.9502369287760 </c:v>
                </c:pt>
                <c:pt idx="382">
                  <c:v>207.4719513838400 </c:v>
                </c:pt>
                <c:pt idx="383">
                  <c:v>206.9947658956570 </c:v>
                </c:pt>
                <c:pt idx="384">
                  <c:v>206.5186779340970 </c:v>
                </c:pt>
                <c:pt idx="385">
                  <c:v>206.0436849748490 </c:v>
                </c:pt>
                <c:pt idx="386">
                  <c:v>205.5697844994060 </c:v>
                </c:pt>
                <c:pt idx="387">
                  <c:v>205.0969739950580 </c:v>
                </c:pt>
                <c:pt idx="388">
                  <c:v>204.6252509548690 </c:v>
                </c:pt>
                <c:pt idx="389">
                  <c:v>204.1546128776730 </c:v>
                </c:pt>
                <c:pt idx="390">
                  <c:v>203.6850572680540 </c:v>
                </c:pt>
                <c:pt idx="391">
                  <c:v>203.2165816363380 </c:v>
                </c:pt>
                <c:pt idx="392">
                  <c:v>202.7491834985740 </c:v>
                </c:pt>
                <c:pt idx="393">
                  <c:v>202.2828603765280 </c:v>
                </c:pt>
                <c:pt idx="394">
                  <c:v>201.8176097976620 </c:v>
                </c:pt>
                <c:pt idx="395">
                  <c:v>201.3534292951270 </c:v>
                </c:pt>
                <c:pt idx="396">
                  <c:v>200.8903164077480 </c:v>
                </c:pt>
                <c:pt idx="397">
                  <c:v>200.4282686800100 </c:v>
                </c:pt>
                <c:pt idx="398">
                  <c:v>199.9672836620460 </c:v>
                </c:pt>
                <c:pt idx="399">
                  <c:v>199.5073589096240 </c:v>
                </c:pt>
                <c:pt idx="400">
                  <c:v>199.0484919841310 </c:v>
                </c:pt>
                <c:pt idx="401">
                  <c:v>198.5906804525680 </c:v>
                </c:pt>
                <c:pt idx="402">
                  <c:v>198.1339218875270 </c:v>
                </c:pt>
                <c:pt idx="403">
                  <c:v>197.6782138671860 </c:v>
                </c:pt>
                <c:pt idx="404">
                  <c:v>197.2235539752910 </c:v>
                </c:pt>
                <c:pt idx="405">
                  <c:v>196.7699398011480 </c:v>
                </c:pt>
                <c:pt idx="406">
                  <c:v>196.3173689396060 </c:v>
                </c:pt>
                <c:pt idx="407">
                  <c:v>195.8658389910440 </c:v>
                </c:pt>
                <c:pt idx="408">
                  <c:v>195.4153475613650 </c:v>
                </c:pt>
                <c:pt idx="409">
                  <c:v>194.9658922619740 </c:v>
                </c:pt>
                <c:pt idx="410">
                  <c:v>194.5174707097710 </c:v>
                </c:pt>
                <c:pt idx="411">
                  <c:v>194.0700805271390 </c:v>
                </c:pt>
                <c:pt idx="412">
                  <c:v>193.6237193419260 </c:v>
                </c:pt>
                <c:pt idx="413">
                  <c:v>193.1783847874400 </c:v>
                </c:pt>
                <c:pt idx="414">
                  <c:v>192.7340745024290 </c:v>
                </c:pt>
                <c:pt idx="415">
                  <c:v>192.2907861310730 </c:v>
                </c:pt>
                <c:pt idx="416">
                  <c:v>191.8485173229720 </c:v>
                </c:pt>
                <c:pt idx="417">
                  <c:v>191.4072657331290 </c:v>
                </c:pt>
                <c:pt idx="418">
                  <c:v>190.9670290219430 </c:v>
                </c:pt>
                <c:pt idx="419">
                  <c:v>190.5278048551920 </c:v>
                </c:pt>
                <c:pt idx="420">
                  <c:v>190.0895909040250 </c:v>
                </c:pt>
                <c:pt idx="421">
                  <c:v>189.6523848449460 </c:v>
                </c:pt>
                <c:pt idx="422">
                  <c:v>189.2161843598030 </c:v>
                </c:pt>
                <c:pt idx="423">
                  <c:v>188.7809871357750 </c:v>
                </c:pt>
                <c:pt idx="424">
                  <c:v>188.3467908653630 </c:v>
                </c:pt>
                <c:pt idx="425">
                  <c:v>187.9135932463730 </c:v>
                </c:pt>
                <c:pt idx="426">
                  <c:v>187.4813919819060 </c:v>
                </c:pt>
                <c:pt idx="427">
                  <c:v>187.0501847803480 </c:v>
                </c:pt>
                <c:pt idx="428">
                  <c:v>186.6199693553530 </c:v>
                </c:pt>
                <c:pt idx="429">
                  <c:v>186.1907434258360 </c:v>
                </c:pt>
                <c:pt idx="430">
                  <c:v>185.7625047159560 </c:v>
                </c:pt>
                <c:pt idx="431">
                  <c:v>185.3352509551100 </c:v>
                </c:pt>
                <c:pt idx="432">
                  <c:v>184.9089798779130 </c:v>
                </c:pt>
                <c:pt idx="433">
                  <c:v>184.4836892241940 </c:v>
                </c:pt>
                <c:pt idx="434">
                  <c:v>184.0593767389780 </c:v>
                </c:pt>
                <c:pt idx="435">
                  <c:v>183.6360401724780 </c:v>
                </c:pt>
                <c:pt idx="436">
                  <c:v>183.2136772800820 </c:v>
                </c:pt>
                <c:pt idx="437">
                  <c:v>182.7922858223370 </c:v>
                </c:pt>
                <c:pt idx="438">
                  <c:v>182.3718635649460 </c:v>
                </c:pt>
                <c:pt idx="439">
                  <c:v>181.9524082787470 </c:v>
                </c:pt>
                <c:pt idx="440">
                  <c:v>181.5339177397060 </c:v>
                </c:pt>
                <c:pt idx="441">
                  <c:v>181.1163897289040 </c:v>
                </c:pt>
                <c:pt idx="442">
                  <c:v>180.6998220325280 </c:v>
                </c:pt>
                <c:pt idx="443">
                  <c:v>180.2842124418530 </c:v>
                </c:pt>
                <c:pt idx="444">
                  <c:v>179.8695587532370 </c:v>
                </c:pt>
                <c:pt idx="445">
                  <c:v>179.4558587681040 </c:v>
                </c:pt>
                <c:pt idx="446">
                  <c:v>179.0431102929380 </c:v>
                </c:pt>
                <c:pt idx="447">
                  <c:v>178.6313111392640 </c:v>
                </c:pt>
                <c:pt idx="448">
                  <c:v>178.2204591236440 </c:v>
                </c:pt>
                <c:pt idx="449">
                  <c:v>177.8105520676590 </c:v>
                </c:pt>
                <c:pt idx="450">
                  <c:v>177.4015877979040 </c:v>
                </c:pt>
                <c:pt idx="451">
                  <c:v>176.9935641459680 </c:v>
                </c:pt>
                <c:pt idx="452">
                  <c:v>176.5864789484330 </c:v>
                </c:pt>
                <c:pt idx="453">
                  <c:v>176.1803300468510 </c:v>
                </c:pt>
                <c:pt idx="454">
                  <c:v>175.7751152877440 </c:v>
                </c:pt>
                <c:pt idx="455">
                  <c:v>175.3708325225820 </c:v>
                </c:pt>
                <c:pt idx="456">
                  <c:v>174.9674796077800 </c:v>
                </c:pt>
                <c:pt idx="457">
                  <c:v>174.5650544046820 </c:v>
                </c:pt>
                <c:pt idx="458">
                  <c:v>174.1635547795510 </c:v>
                </c:pt>
                <c:pt idx="459">
                  <c:v>173.7629786035580 </c:v>
                </c:pt>
                <c:pt idx="460">
                  <c:v>173.3633237527700 </c:v>
                </c:pt>
                <c:pt idx="461">
                  <c:v>172.9645881081390 </c:v>
                </c:pt>
                <c:pt idx="462">
                  <c:v>172.5667695554900 </c:v>
                </c:pt>
                <c:pt idx="463">
                  <c:v>172.1698659855120 </c:v>
                </c:pt>
                <c:pt idx="464">
                  <c:v>171.7738752937460 </c:v>
                </c:pt>
                <c:pt idx="465">
                  <c:v>171.3787953805700 </c:v>
                </c:pt>
                <c:pt idx="466">
                  <c:v>170.9846241511950 </c:v>
                </c:pt>
                <c:pt idx="467">
                  <c:v>170.5913595156470 </c:v>
                </c:pt>
                <c:pt idx="468">
                  <c:v>170.1989993887610 </c:v>
                </c:pt>
                <c:pt idx="469">
                  <c:v>169.8075416901670 </c:v>
                </c:pt>
                <c:pt idx="470">
                  <c:v>169.4169843442800 </c:v>
                </c:pt>
                <c:pt idx="471">
                  <c:v>169.0273252802880 </c:v>
                </c:pt>
                <c:pt idx="472">
                  <c:v>168.6385624321430 </c:v>
                </c:pt>
                <c:pt idx="473">
                  <c:v>168.2506937385490 </c:v>
                </c:pt>
                <c:pt idx="474">
                  <c:v>167.8637171429510 </c:v>
                </c:pt>
                <c:pt idx="475">
                  <c:v>167.4776305935220 </c:v>
                </c:pt>
                <c:pt idx="476">
                  <c:v>167.0924320431570 </c:v>
                </c:pt>
                <c:pt idx="477">
                  <c:v>166.7081194494570 </c:v>
                </c:pt>
                <c:pt idx="478">
                  <c:v>166.3246907747240 </c:v>
                </c:pt>
                <c:pt idx="479">
                  <c:v>165.9421439859420 </c:v>
                </c:pt>
                <c:pt idx="480">
                  <c:v>165.5604770547740 </c:v>
                </c:pt>
                <c:pt idx="481">
                  <c:v>165.1796879575480 </c:v>
                </c:pt>
                <c:pt idx="482">
                  <c:v>164.7997746752460 </c:v>
                </c:pt>
                <c:pt idx="483">
                  <c:v>164.4207351934930 </c:v>
                </c:pt>
                <c:pt idx="484">
                  <c:v>164.0425675025480 </c:v>
                </c:pt>
                <c:pt idx="485">
                  <c:v>163.6652695972920 </c:v>
                </c:pt>
                <c:pt idx="486">
                  <c:v>163.2888394772180 </c:v>
                </c:pt>
                <c:pt idx="487">
                  <c:v>162.9132751464210 </c:v>
                </c:pt>
                <c:pt idx="488">
                  <c:v>162.5385746135840 </c:v>
                </c:pt>
                <c:pt idx="489">
                  <c:v>162.1647358919720 </c:v>
                </c:pt>
                <c:pt idx="490">
                  <c:v>161.7917569994210 </c:v>
                </c:pt>
                <c:pt idx="491">
                  <c:v>161.4196359583220 </c:v>
                </c:pt>
                <c:pt idx="492">
                  <c:v>161.0483707956180 </c:v>
                </c:pt>
                <c:pt idx="493">
                  <c:v>160.6779595427880 </c:v>
                </c:pt>
                <c:pt idx="494">
                  <c:v>160.3084002358400 </c:v>
                </c:pt>
                <c:pt idx="495">
                  <c:v>159.9396909152970 </c:v>
                </c:pt>
                <c:pt idx="496">
                  <c:v>159.5718296261920 </c:v>
                </c:pt>
                <c:pt idx="497">
                  <c:v>159.2048144180520 </c:v>
                </c:pt>
                <c:pt idx="498">
                  <c:v>158.8386433448900 </c:v>
                </c:pt>
                <c:pt idx="499">
                  <c:v>158.4733144651970 </c:v>
                </c:pt>
                <c:pt idx="500">
                  <c:v>158.1088258419270 </c:v>
                </c:pt>
                <c:pt idx="501">
                  <c:v>157.7451755424910 </c:v>
                </c:pt>
                <c:pt idx="502">
                  <c:v>157.3823616387430 </c:v>
                </c:pt>
                <c:pt idx="503">
                  <c:v>157.0203822069740 </c:v>
                </c:pt>
                <c:pt idx="504">
                  <c:v>156.6592353278980 </c:v>
                </c:pt>
                <c:pt idx="505">
                  <c:v>156.2989190866440 </c:v>
                </c:pt>
                <c:pt idx="506">
                  <c:v>155.9394315727450 </c:v>
                </c:pt>
                <c:pt idx="507">
                  <c:v>155.5807708801270 </c:v>
                </c:pt>
                <c:pt idx="508">
                  <c:v>155.2229351071030 </c:v>
                </c:pt>
                <c:pt idx="509">
                  <c:v>154.8659223563570 </c:v>
                </c:pt>
                <c:pt idx="510">
                  <c:v>154.5097307349370 </c:v>
                </c:pt>
                <c:pt idx="511">
                  <c:v>154.1543583542470 </c:v>
                </c:pt>
                <c:pt idx="512">
                  <c:v>153.7998033300320 </c:v>
                </c:pt>
                <c:pt idx="513">
                  <c:v>153.4460637823730 </c:v>
                </c:pt>
                <c:pt idx="514">
                  <c:v>153.0931378356730 </c:v>
                </c:pt>
                <c:pt idx="515">
                  <c:v>152.7410236186510 </c:v>
                </c:pt>
                <c:pt idx="516">
                  <c:v>152.3897192643290 </c:v>
                </c:pt>
                <c:pt idx="517">
                  <c:v>152.0392229100210 </c:v>
                </c:pt>
                <c:pt idx="518">
                  <c:v>151.6895326973280 </c:v>
                </c:pt>
                <c:pt idx="519">
                  <c:v>151.3406467721240 </c:v>
                </c:pt>
                <c:pt idx="520">
                  <c:v>150.9925632845480 </c:v>
                </c:pt>
                <c:pt idx="521">
                  <c:v>150.6452803889930 </c:v>
                </c:pt>
                <c:pt idx="522">
                  <c:v>150.2987962440990 </c:v>
                </c:pt>
                <c:pt idx="523">
                  <c:v>149.9531090127370 </c:v>
                </c:pt>
                <c:pt idx="524">
                  <c:v>149.6082168620080 </c:v>
                </c:pt>
                <c:pt idx="525">
                  <c:v>149.2641179632250 </c:v>
                </c:pt>
                <c:pt idx="526">
                  <c:v>148.9208104919100 </c:v>
                </c:pt>
                <c:pt idx="527">
                  <c:v>148.5782926277790 </c:v>
                </c:pt>
                <c:pt idx="528">
                  <c:v>148.2365625547350 </c:v>
                </c:pt>
                <c:pt idx="529">
                  <c:v>147.8956184608590 </c:v>
                </c:pt>
                <c:pt idx="530">
                  <c:v>147.5554585383990 </c:v>
                </c:pt>
                <c:pt idx="531">
                  <c:v>147.2160809837600 </c:v>
                </c:pt>
                <c:pt idx="532">
                  <c:v>146.8774839974980 </c:v>
                </c:pt>
                <c:pt idx="533">
                  <c:v>146.5396657843040 </c:v>
                </c:pt>
                <c:pt idx="534">
                  <c:v>146.2026245530000 </c:v>
                </c:pt>
                <c:pt idx="535">
                  <c:v>145.8663585165280 </c:v>
                </c:pt>
                <c:pt idx="536">
                  <c:v>145.5308658919400 </c:v>
                </c:pt>
                <c:pt idx="537">
                  <c:v>145.1961449003880 </c:v>
                </c:pt>
                <c:pt idx="538">
                  <c:v>144.8621937671170 </c:v>
                </c:pt>
                <c:pt idx="539">
                  <c:v>144.5290107214530 </c:v>
                </c:pt>
                <c:pt idx="540">
                  <c:v>144.1965939967940 </c:v>
                </c:pt>
                <c:pt idx="541">
                  <c:v>143.8649418306010 </c:v>
                </c:pt>
                <c:pt idx="542">
                  <c:v>143.5340524643910 </c:v>
                </c:pt>
                <c:pt idx="543">
                  <c:v>143.2039241437230 </c:v>
                </c:pt>
                <c:pt idx="544">
                  <c:v>142.8745551181920 </c:v>
                </c:pt>
                <c:pt idx="545">
                  <c:v>142.5459436414200 </c:v>
                </c:pt>
                <c:pt idx="546">
                  <c:v>142.2180879710450 </c:v>
                </c:pt>
                <c:pt idx="547">
                  <c:v>141.8909863687120 </c:v>
                </c:pt>
                <c:pt idx="548">
                  <c:v>141.5646371000640 </c:v>
                </c:pt>
                <c:pt idx="549">
                  <c:v>141.2390384347330 </c:v>
                </c:pt>
                <c:pt idx="550">
                  <c:v>140.9141886463340 </c:v>
                </c:pt>
                <c:pt idx="551">
                  <c:v>140.5900860124470 </c:v>
                </c:pt>
                <c:pt idx="552">
                  <c:v>140.2667288146180 </c:v>
                </c:pt>
                <c:pt idx="553">
                  <c:v>139.9441153383450 </c:v>
                </c:pt>
                <c:pt idx="554">
                  <c:v>139.6222438730670 </c:v>
                </c:pt>
                <c:pt idx="555">
                  <c:v>139.3011127121590 </c:v>
                </c:pt>
                <c:pt idx="556">
                  <c:v>138.9807201529210 </c:v>
                </c:pt>
                <c:pt idx="557">
                  <c:v>138.6610644965690 </c:v>
                </c:pt>
                <c:pt idx="558">
                  <c:v>138.3421440482270 </c:v>
                </c:pt>
                <c:pt idx="559">
                  <c:v>138.0239571169160 </c:v>
                </c:pt>
                <c:pt idx="560">
                  <c:v>137.7065020155470 </c:v>
                </c:pt>
                <c:pt idx="561">
                  <c:v>137.3897770609110 </c:v>
                </c:pt>
                <c:pt idx="562">
                  <c:v>137.0737805736710 </c:v>
                </c:pt>
                <c:pt idx="563">
                  <c:v>136.7585108783520 </c:v>
                </c:pt>
                <c:pt idx="564">
                  <c:v>136.4439663033310 </c:v>
                </c:pt>
                <c:pt idx="565">
                  <c:v>136.1301451808340 </c:v>
                </c:pt>
                <c:pt idx="566">
                  <c:v>135.8170458469180 </c:v>
                </c:pt>
                <c:pt idx="567">
                  <c:v>135.5046666414700 </c:v>
                </c:pt>
                <c:pt idx="568">
                  <c:v>135.1930059081950 </c:v>
                </c:pt>
                <c:pt idx="569">
                  <c:v>134.8820619946060 </c:v>
                </c:pt>
                <c:pt idx="570">
                  <c:v>134.5718332520180 </c:v>
                </c:pt>
                <c:pt idx="571">
                  <c:v>134.2623180355390 </c:v>
                </c:pt>
                <c:pt idx="572">
                  <c:v>133.9535147040570 </c:v>
                </c:pt>
                <c:pt idx="573">
                  <c:v>133.6454216202380 </c:v>
                </c:pt>
                <c:pt idx="574">
                  <c:v>133.3380371505110 </c:v>
                </c:pt>
                <c:pt idx="575">
                  <c:v>133.0313596650650 </c:v>
                </c:pt>
                <c:pt idx="576">
                  <c:v>132.7253875378350 </c:v>
                </c:pt>
                <c:pt idx="577">
                  <c:v>132.4201191464980 </c:v>
                </c:pt>
                <c:pt idx="578">
                  <c:v>132.1155528724610 </c:v>
                </c:pt>
                <c:pt idx="579">
                  <c:v>131.8116871008550 </c:v>
                </c:pt>
                <c:pt idx="580">
                  <c:v>131.5085202205230 </c:v>
                </c:pt>
                <c:pt idx="581">
                  <c:v>131.2060506240150 </c:v>
                </c:pt>
                <c:pt idx="582">
                  <c:v>130.9042767075800 </c:v>
                </c:pt>
                <c:pt idx="583">
                  <c:v>130.6031968711530 </c:v>
                </c:pt>
                <c:pt idx="584">
                  <c:v>130.3028095183490 </c:v>
                </c:pt>
                <c:pt idx="585">
                  <c:v>130.0031130564570 </c:v>
                </c:pt>
                <c:pt idx="586">
                  <c:v>129.7041058964270 </c:v>
                </c:pt>
                <c:pt idx="587">
                  <c:v>129.4057864528650 </c:v>
                </c:pt>
                <c:pt idx="588">
                  <c:v>129.1081531440240 </c:v>
                </c:pt>
                <c:pt idx="589">
                  <c:v>128.8112043917920 </c:v>
                </c:pt>
                <c:pt idx="590">
                  <c:v>128.5149386216910 </c:v>
                </c:pt>
                <c:pt idx="591">
                  <c:v>128.2193542628610 </c:v>
                </c:pt>
                <c:pt idx="592">
                  <c:v>127.9244497480570 </c:v>
                </c:pt>
                <c:pt idx="593">
                  <c:v>127.6302235136360 </c:v>
                </c:pt>
                <c:pt idx="594">
                  <c:v>127.3366739995550 </c:v>
                </c:pt>
                <c:pt idx="595">
                  <c:v>127.0437996493560 </c:v>
                </c:pt>
                <c:pt idx="596">
                  <c:v>126.7515989101620 </c:v>
                </c:pt>
                <c:pt idx="597">
                  <c:v>126.4600702326690 </c:v>
                </c:pt>
                <c:pt idx="598">
                  <c:v>126.1692120711340 </c:v>
                </c:pt>
                <c:pt idx="599">
                  <c:v>125.8790228833700 </c:v>
                </c:pt>
                <c:pt idx="600">
                  <c:v>125.5895011307390 </c:v>
                </c:pt>
                <c:pt idx="601">
                  <c:v>125.3006452781380 </c:v>
                </c:pt>
                <c:pt idx="602">
                  <c:v>125.0124537939980 </c:v>
                </c:pt>
                <c:pt idx="603">
                  <c:v>124.7249251502720 </c:v>
                </c:pt>
                <c:pt idx="604">
                  <c:v>124.4380578224260 </c:v>
                </c:pt>
                <c:pt idx="605">
                  <c:v>124.1518502894350 </c:v>
                </c:pt>
                <c:pt idx="606">
                  <c:v>123.8663010337690 </c:v>
                </c:pt>
                <c:pt idx="607">
                  <c:v>123.5814085413910 </c:v>
                </c:pt>
                <c:pt idx="608">
                  <c:v>123.2971713017460 </c:v>
                </c:pt>
                <c:pt idx="609">
                  <c:v>123.0135878077520 </c:v>
                </c:pt>
                <c:pt idx="610">
                  <c:v>122.7306565557940 </c:v>
                </c:pt>
                <c:pt idx="611">
                  <c:v>122.4483760457160 </c:v>
                </c:pt>
                <c:pt idx="612">
                  <c:v>122.1667447808110 </c:v>
                </c:pt>
                <c:pt idx="613">
                  <c:v>121.8857612678150 </c:v>
                </c:pt>
                <c:pt idx="614">
                  <c:v>121.6054240168990 </c:v>
                </c:pt>
                <c:pt idx="615">
                  <c:v>121.3257315416600 </c:v>
                </c:pt>
                <c:pt idx="616">
                  <c:v>121.0466823591140 </c:v>
                </c:pt>
                <c:pt idx="617">
                  <c:v>120.7682749896890 </c:v>
                </c:pt>
                <c:pt idx="618">
                  <c:v>120.4905079572120 </c:v>
                </c:pt>
                <c:pt idx="619">
                  <c:v>120.2133797889110 </c:v>
                </c:pt>
                <c:pt idx="620">
                  <c:v>119.9368890153960 </c:v>
                </c:pt>
                <c:pt idx="621">
                  <c:v>119.6610341706610 </c:v>
                </c:pt>
                <c:pt idx="622">
                  <c:v>119.3858137920680 </c:v>
                </c:pt>
                <c:pt idx="623">
                  <c:v>119.1112264203470 </c:v>
                </c:pt>
                <c:pt idx="624">
                  <c:v>118.8372705995800 </c:v>
                </c:pt>
                <c:pt idx="625">
                  <c:v>118.5639448772010 </c:v>
                </c:pt>
                <c:pt idx="626">
                  <c:v>118.2912478039830 </c:v>
                </c:pt>
                <c:pt idx="627">
                  <c:v>118.0191779340340 </c:v>
                </c:pt>
                <c:pt idx="628">
                  <c:v>117.7477338247860 </c:v>
                </c:pt>
                <c:pt idx="629">
                  <c:v>117.4769140369890 </c:v>
                </c:pt>
                <c:pt idx="630">
                  <c:v>117.2067171347040 </c:v>
                </c:pt>
                <c:pt idx="631">
                  <c:v>116.9371416852940 </c:v>
                </c:pt>
                <c:pt idx="632">
                  <c:v>116.6681862594180 </c:v>
                </c:pt>
                <c:pt idx="633">
                  <c:v>116.3998494310210 </c:v>
                </c:pt>
                <c:pt idx="634">
                  <c:v>116.1321297773300 </c:v>
                </c:pt>
                <c:pt idx="635">
                  <c:v>115.8650258788420 </c:v>
                </c:pt>
                <c:pt idx="636">
                  <c:v>115.5985363193200 </c:v>
                </c:pt>
                <c:pt idx="637">
                  <c:v>115.3326596857860 </c:v>
                </c:pt>
                <c:pt idx="638">
                  <c:v>115.0673945685090 </c:v>
                </c:pt>
                <c:pt idx="639">
                  <c:v>114.8027395610010 </c:v>
                </c:pt>
                <c:pt idx="640">
                  <c:v>114.5386932600110 </c:v>
                </c:pt>
                <c:pt idx="641">
                  <c:v>114.2752542655130 </c:v>
                </c:pt>
                <c:pt idx="642">
                  <c:v>114.0124211807020 </c:v>
                </c:pt>
                <c:pt idx="643">
                  <c:v>113.7501926119870 </c:v>
                </c:pt>
                <c:pt idx="644">
                  <c:v>113.4885671689790 </c:v>
                </c:pt>
                <c:pt idx="645">
                  <c:v>113.2275434644900 </c:v>
                </c:pt>
                <c:pt idx="646">
                  <c:v>112.9671201145220 </c:v>
                </c:pt>
                <c:pt idx="647">
                  <c:v>112.7072957382590 </c:v>
                </c:pt>
                <c:pt idx="648">
                  <c:v>112.4480689580610 </c:v>
                </c:pt>
                <c:pt idx="649">
                  <c:v>112.1894383994570 </c:v>
                </c:pt>
                <c:pt idx="650">
                  <c:v>111.9314026911380 </c:v>
                </c:pt>
                <c:pt idx="651">
                  <c:v>111.6739604649490 </c:v>
                </c:pt>
                <c:pt idx="652">
                  <c:v>111.4171103558790 </c:v>
                </c:pt>
                <c:pt idx="653">
                  <c:v>111.1608510020610 </c:v>
                </c:pt>
                <c:pt idx="654">
                  <c:v>110.9051810447560 </c:v>
                </c:pt>
                <c:pt idx="655">
                  <c:v>110.6500991283530 </c:v>
                </c:pt>
                <c:pt idx="656">
                  <c:v>110.3956039003580 </c:v>
                </c:pt>
                <c:pt idx="657">
                  <c:v>110.1416940113870 </c:v>
                </c:pt>
                <c:pt idx="658">
                  <c:v>109.8883681151610 </c:v>
                </c:pt>
                <c:pt idx="659">
                  <c:v>109.6356248684960 </c:v>
                </c:pt>
                <c:pt idx="660">
                  <c:v>109.3834629312990 </c:v>
                </c:pt>
                <c:pt idx="661">
                  <c:v>109.1318809665570 </c:v>
                </c:pt>
                <c:pt idx="662">
                  <c:v>108.8808776403340 </c:v>
                </c:pt>
                <c:pt idx="663">
                  <c:v>108.6304516217610 </c:v>
                </c:pt>
                <c:pt idx="664">
                  <c:v>108.3806015830310 </c:v>
                </c:pt>
                <c:pt idx="665">
                  <c:v>108.1313261993900 </c:v>
                </c:pt>
                <c:pt idx="666">
                  <c:v>107.8826241491310 </c:v>
                </c:pt>
                <c:pt idx="667">
                  <c:v>107.6344941135880 </c:v>
                </c:pt>
                <c:pt idx="668">
                  <c:v>107.3869347771270 </c:v>
                </c:pt>
                <c:pt idx="669">
                  <c:v>107.1399448271400 </c:v>
                </c:pt>
                <c:pt idx="670">
                  <c:v>106.8935229540370 </c:v>
                </c:pt>
                <c:pt idx="671">
                  <c:v>106.6476678512430 </c:v>
                </c:pt>
                <c:pt idx="672">
                  <c:v>106.4023782151850 </c:v>
                </c:pt>
                <c:pt idx="673">
                  <c:v>106.1576527452900 </c:v>
                </c:pt>
                <c:pt idx="674">
                  <c:v>105.9134901439760 </c:v>
                </c:pt>
                <c:pt idx="675">
                  <c:v>105.6698891166450 </c:v>
                </c:pt>
                <c:pt idx="676">
                  <c:v>105.4268483716760 </c:v>
                </c:pt>
                <c:pt idx="677">
                  <c:v>105.1843666204220 </c:v>
                </c:pt>
                <c:pt idx="678">
                  <c:v>104.9424425771950 </c:v>
                </c:pt>
                <c:pt idx="679">
                  <c:v>104.7010749592670 </c:v>
                </c:pt>
                <c:pt idx="680">
                  <c:v>104.4602624868610 </c:v>
                </c:pt>
                <c:pt idx="681">
                  <c:v>104.2200038831410 </c:v>
                </c:pt>
                <c:pt idx="682">
                  <c:v>103.9802978742100 </c:v>
                </c:pt>
                <c:pt idx="683">
                  <c:v>103.7411431890990 </c:v>
                </c:pt>
                <c:pt idx="684">
                  <c:v>103.5025385597640 </c:v>
                </c:pt>
                <c:pt idx="685">
                  <c:v>103.2644827210770 </c:v>
                </c:pt>
                <c:pt idx="686">
                  <c:v>103.0269744108180 </c:v>
                </c:pt>
                <c:pt idx="687">
                  <c:v>102.7900123696730 </c:v>
                </c:pt>
                <c:pt idx="688">
                  <c:v>102.5535953412230 </c:v>
                </c:pt>
                <c:pt idx="689">
                  <c:v>102.3177220719380 </c:v>
                </c:pt>
                <c:pt idx="690">
                  <c:v>102.0823913111730 </c:v>
                </c:pt>
                <c:pt idx="691">
                  <c:v>101.8476018111570 </c:v>
                </c:pt>
                <c:pt idx="692">
                  <c:v>101.6133523269920 </c:v>
                </c:pt>
                <c:pt idx="693">
                  <c:v>101.3796416166390 </c:v>
                </c:pt>
                <c:pt idx="694">
                  <c:v>101.1464684409210 </c:v>
                </c:pt>
                <c:pt idx="695">
                  <c:v>100.9138315635070 </c:v>
                </c:pt>
                <c:pt idx="696">
                  <c:v>100.6817297509110 </c:v>
                </c:pt>
                <c:pt idx="697">
                  <c:v>100.4501617724840 </c:v>
                </c:pt>
                <c:pt idx="698">
                  <c:v>100.2191264004070 </c:v>
                </c:pt>
                <c:pt idx="699">
                  <c:v>99.9886224096863 </c:v>
                </c:pt>
                <c:pt idx="700">
                  <c:v>99.7586485781440 </c:v>
                </c:pt>
                <c:pt idx="701">
                  <c:v>99.5292036864143 </c:v>
                </c:pt>
                <c:pt idx="702">
                  <c:v>99.3002865179355 </c:v>
                </c:pt>
                <c:pt idx="703">
                  <c:v>99.0718958589443 </c:v>
                </c:pt>
                <c:pt idx="704">
                  <c:v>98.8440304984687 </c:v>
                </c:pt>
                <c:pt idx="705">
                  <c:v>98.6166892283222 </c:v>
                </c:pt>
                <c:pt idx="706">
                  <c:v>98.3898708430971 </c:v>
                </c:pt>
                <c:pt idx="707">
                  <c:v>98.1635741401580 </c:v>
                </c:pt>
                <c:pt idx="708">
                  <c:v>97.9377979196356 </c:v>
                </c:pt>
                <c:pt idx="709">
                  <c:v>97.7125409844205 </c:v>
                </c:pt>
                <c:pt idx="710">
                  <c:v>97.4878021401563 </c:v>
                </c:pt>
                <c:pt idx="711">
                  <c:v>97.2635801952340 </c:v>
                </c:pt>
                <c:pt idx="712">
                  <c:v>97.0398739607849 </c:v>
                </c:pt>
                <c:pt idx="713">
                  <c:v>96.8166822506751 </c:v>
                </c:pt>
                <c:pt idx="714">
                  <c:v>96.5940038814986 </c:v>
                </c:pt>
                <c:pt idx="715">
                  <c:v>96.3718376725711 </c:v>
                </c:pt>
                <c:pt idx="716">
                  <c:v>96.1501824459242 </c:v>
                </c:pt>
                <c:pt idx="717">
                  <c:v>95.9290370262986 </c:v>
                </c:pt>
                <c:pt idx="718">
                  <c:v>95.7084002411381 </c:v>
                </c:pt>
                <c:pt idx="719">
                  <c:v>95.4882709205835 </c:v>
                </c:pt>
                <c:pt idx="720">
                  <c:v>95.2686478974661 </c:v>
                </c:pt>
                <c:pt idx="721">
                  <c:v>95.0495300073020 </c:v>
                </c:pt>
                <c:pt idx="722">
                  <c:v>94.8309160882852 </c:v>
                </c:pt>
                <c:pt idx="723">
                  <c:v>94.6128049812822 </c:v>
                </c:pt>
                <c:pt idx="724">
                  <c:v>94.3951955298252 </c:v>
                </c:pt>
                <c:pt idx="725">
                  <c:v>94.1780865801066 </c:v>
                </c:pt>
                <c:pt idx="726">
                  <c:v>93.9614769809723 </c:v>
                </c:pt>
                <c:pt idx="727">
                  <c:v>93.7453655839161 </c:v>
                </c:pt>
                <c:pt idx="728">
                  <c:v>93.5297512430731 </c:v>
                </c:pt>
                <c:pt idx="729">
                  <c:v>93.3146328152141 </c:v>
                </c:pt>
                <c:pt idx="730">
                  <c:v>93.1000091597391 </c:v>
                </c:pt>
                <c:pt idx="731">
                  <c:v>92.8858791386717 </c:v>
                </c:pt>
                <c:pt idx="732">
                  <c:v>92.6722416166527 </c:v>
                </c:pt>
                <c:pt idx="733">
                  <c:v>92.4590954609344 </c:v>
                </c:pt>
                <c:pt idx="734">
                  <c:v>92.2464395413743 </c:v>
                </c:pt>
                <c:pt idx="735">
                  <c:v>92.0342727304291 </c:v>
                </c:pt>
                <c:pt idx="736">
                  <c:v>91.8225939031492 </c:v>
                </c:pt>
                <c:pt idx="737">
                  <c:v>91.6114019371719 </c:v>
                </c:pt>
                <c:pt idx="738">
                  <c:v>91.4006957127164 </c:v>
                </c:pt>
                <c:pt idx="739">
                  <c:v>91.1904741125772 </c:v>
                </c:pt>
                <c:pt idx="740">
                  <c:v>90.9807360221183 </c:v>
                </c:pt>
                <c:pt idx="741">
                  <c:v>90.7714803292674 </c:v>
                </c:pt>
                <c:pt idx="742">
                  <c:v>90.5627059245101 </c:v>
                </c:pt>
                <c:pt idx="743">
                  <c:v>90.3544117008837 </c:v>
                </c:pt>
                <c:pt idx="744">
                  <c:v>90.1465965539717 </c:v>
                </c:pt>
                <c:pt idx="745">
                  <c:v>89.9392593818976 </c:v>
                </c:pt>
                <c:pt idx="746">
                  <c:v>89.7323990853192 </c:v>
                </c:pt>
                <c:pt idx="747">
                  <c:v>89.5260145674229 </c:v>
                </c:pt>
                <c:pt idx="748">
                  <c:v>89.3201047339179 </c:v>
                </c:pt>
                <c:pt idx="749">
                  <c:v>89.1146684930299 </c:v>
                </c:pt>
                <c:pt idx="750">
                  <c:v>88.9097047554959 </c:v>
                </c:pt>
                <c:pt idx="751">
                  <c:v>88.7052124345583 </c:v>
                </c:pt>
                <c:pt idx="752">
                  <c:v>88.5011904459588 </c:v>
                </c:pt>
                <c:pt idx="753">
                  <c:v>88.2976377079331 </c:v>
                </c:pt>
                <c:pt idx="754">
                  <c:v>88.0945531412049 </c:v>
                </c:pt>
                <c:pt idx="755">
                  <c:v>87.8919356689801 </c:v>
                </c:pt>
                <c:pt idx="756">
                  <c:v>87.6897842169414 </c:v>
                </c:pt>
                <c:pt idx="757">
                  <c:v>87.4880977132425 </c:v>
                </c:pt>
                <c:pt idx="758">
                  <c:v>87.2868750885020 </c:v>
                </c:pt>
                <c:pt idx="759">
                  <c:v>87.0861152757985 </c:v>
                </c:pt>
                <c:pt idx="760">
                  <c:v>86.8858172106641 </c:v>
                </c:pt>
                <c:pt idx="761">
                  <c:v>86.6859798310796 </c:v>
                </c:pt>
                <c:pt idx="762">
                  <c:v>86.4866020774681 </c:v>
                </c:pt>
                <c:pt idx="763">
                  <c:v>86.2876828926900 </c:v>
                </c:pt>
                <c:pt idx="764">
                  <c:v>86.0892212220368 </c:v>
                </c:pt>
                <c:pt idx="765">
                  <c:v>85.8912160132261 </c:v>
                </c:pt>
                <c:pt idx="766">
                  <c:v>85.6936662163957 </c:v>
                </c:pt>
                <c:pt idx="767">
                  <c:v>85.4965707840980 </c:v>
                </c:pt>
                <c:pt idx="768">
                  <c:v>85.2999286712946 </c:v>
                </c:pt>
                <c:pt idx="769">
                  <c:v>85.1037388353506 </c:v>
                </c:pt>
                <c:pt idx="770">
                  <c:v>84.9080002360293 </c:v>
                </c:pt>
                <c:pt idx="771">
                  <c:v>84.7127118354864 </c:v>
                </c:pt>
                <c:pt idx="772">
                  <c:v>84.5178725982648 </c:v>
                </c:pt>
                <c:pt idx="773">
                  <c:v>84.3234814912888 </c:v>
                </c:pt>
                <c:pt idx="774">
                  <c:v>84.1295374838588 </c:v>
                </c:pt>
                <c:pt idx="775">
                  <c:v>83.9360395476460 </c:v>
                </c:pt>
                <c:pt idx="776">
                  <c:v>83.7429866566864 </c:v>
                </c:pt>
                <c:pt idx="777">
                  <c:v>83.5503777873760 </c:v>
                </c:pt>
                <c:pt idx="778">
                  <c:v>83.3582119184650 </c:v>
                </c:pt>
                <c:pt idx="779">
                  <c:v>83.1664880310526 </c:v>
                </c:pt>
                <c:pt idx="780">
                  <c:v>82.9752051085812 </c:v>
                </c:pt>
                <c:pt idx="781">
                  <c:v>82.7843621368314 </c:v>
                </c:pt>
                <c:pt idx="782">
                  <c:v>82.5939581039167 </c:v>
                </c:pt>
                <c:pt idx="783">
                  <c:v>82.4039920002777 </c:v>
                </c:pt>
                <c:pt idx="784">
                  <c:v>82.2144628186771 </c:v>
                </c:pt>
                <c:pt idx="785">
                  <c:v>82.0253695541941 </c:v>
                </c:pt>
                <c:pt idx="786">
                  <c:v>81.8367112042195 </c:v>
                </c:pt>
                <c:pt idx="787">
                  <c:v>81.6484867684498 </c:v>
                </c:pt>
                <c:pt idx="788">
                  <c:v>81.4606952488824 </c:v>
                </c:pt>
                <c:pt idx="789">
                  <c:v>81.2733356498099 </c:v>
                </c:pt>
                <c:pt idx="790">
                  <c:v>81.0864069778154 </c:v>
                </c:pt>
                <c:pt idx="791">
                  <c:v>80.8999082417664 </c:v>
                </c:pt>
                <c:pt idx="792">
                  <c:v>80.7138384528103 </c:v>
                </c:pt>
                <c:pt idx="793">
                  <c:v>80.5281966243689 </c:v>
                </c:pt>
                <c:pt idx="794">
                  <c:v>80.3429817721328 </c:v>
                </c:pt>
                <c:pt idx="795">
                  <c:v>80.1581929140569 </c:v>
                </c:pt>
                <c:pt idx="796">
                  <c:v>79.9738290703546 </c:v>
                </c:pt>
                <c:pt idx="797">
                  <c:v>79.7898892634928 </c:v>
                </c:pt>
                <c:pt idx="798">
                  <c:v>79.6063725181868 </c:v>
                </c:pt>
                <c:pt idx="799">
                  <c:v>79.4232778613949 </c:v>
                </c:pt>
                <c:pt idx="800">
                  <c:v>79.2406043223137 </c:v>
                </c:pt>
                <c:pt idx="801">
                  <c:v>79.0583509323724 </c:v>
                </c:pt>
                <c:pt idx="802">
                  <c:v>78.8765167252280 </c:v>
                </c:pt>
                <c:pt idx="803">
                  <c:v>78.6951007367599 </c:v>
                </c:pt>
                <c:pt idx="804">
                  <c:v>78.5141020050654 </c:v>
                </c:pt>
                <c:pt idx="805">
                  <c:v>78.3335195704537 </c:v>
                </c:pt>
                <c:pt idx="806">
                  <c:v>78.1533524754417 </c:v>
                </c:pt>
                <c:pt idx="807">
                  <c:v>77.9735997647482 </c:v>
                </c:pt>
                <c:pt idx="808">
                  <c:v>77.7942604852893 </c:v>
                </c:pt>
                <c:pt idx="809">
                  <c:v>77.6153336861731 </c:v>
                </c:pt>
                <c:pt idx="810">
                  <c:v>77.4368184186949 </c:v>
                </c:pt>
                <c:pt idx="811">
                  <c:v>77.2587137363319 </c:v>
                </c:pt>
                <c:pt idx="812">
                  <c:v>77.0810186947384 </c:v>
                </c:pt>
                <c:pt idx="813">
                  <c:v>76.9037323517405 </c:v>
                </c:pt>
                <c:pt idx="814">
                  <c:v>76.7268537673315 </c:v>
                </c:pt>
                <c:pt idx="815">
                  <c:v>76.5503820036666 </c:v>
                </c:pt>
                <c:pt idx="816">
                  <c:v>76.3743161250582 </c:v>
                </c:pt>
                <c:pt idx="817">
                  <c:v>76.1986551979706 </c:v>
                </c:pt>
                <c:pt idx="818">
                  <c:v>76.0233982910152 </c:v>
                </c:pt>
                <c:pt idx="819">
                  <c:v>75.8485444749459 </c:v>
                </c:pt>
                <c:pt idx="820">
                  <c:v>75.6740928226535 </c:v>
                </c:pt>
                <c:pt idx="821">
                  <c:v>75.5000424091614 </c:v>
                </c:pt>
                <c:pt idx="822">
                  <c:v>75.3263923116204 </c:v>
                </c:pt>
                <c:pt idx="823">
                  <c:v>75.1531416093036 </c:v>
                </c:pt>
                <c:pt idx="824">
                  <c:v>74.9802893836022 </c:v>
                </c:pt>
                <c:pt idx="825">
                  <c:v>74.8078347180199 </c:v>
                </c:pt>
                <c:pt idx="826">
                  <c:v>74.6357766981685 </c:v>
                </c:pt>
                <c:pt idx="827">
                  <c:v>74.4641144117627 </c:v>
                </c:pt>
                <c:pt idx="828">
                  <c:v>74.2928469486157 </c:v>
                </c:pt>
                <c:pt idx="829">
                  <c:v>74.1219734006338 </c:v>
                </c:pt>
                <c:pt idx="830">
                  <c:v>73.9514928618124 </c:v>
                </c:pt>
                <c:pt idx="831">
                  <c:v>73.7814044282302 </c:v>
                </c:pt>
                <c:pt idx="832">
                  <c:v>73.6117071980453 </c:v>
                </c:pt>
                <c:pt idx="833">
                  <c:v>73.4424002714898 </c:v>
                </c:pt>
                <c:pt idx="834">
                  <c:v>73.2734827508654 </c:v>
                </c:pt>
                <c:pt idx="835">
                  <c:v>73.1049537405384 </c:v>
                </c:pt>
                <c:pt idx="836">
                  <c:v>72.9368123469352 </c:v>
                </c:pt>
                <c:pt idx="837">
                  <c:v>72.7690576785372 </c:v>
                </c:pt>
                <c:pt idx="838">
                  <c:v>72.6016888458766 </c:v>
                </c:pt>
                <c:pt idx="839">
                  <c:v>72.4347049615311 </c:v>
                </c:pt>
                <c:pt idx="840">
                  <c:v>72.2681051401196 </c:v>
                </c:pt>
                <c:pt idx="841">
                  <c:v>72.1018884982973 </c:v>
                </c:pt>
                <c:pt idx="842">
                  <c:v>71.9360541547512 </c:v>
                </c:pt>
                <c:pt idx="843">
                  <c:v>71.7706012301953 </c:v>
                </c:pt>
                <c:pt idx="844">
                  <c:v>71.6055288473658 </c:v>
                </c:pt>
                <c:pt idx="845">
                  <c:v>71.4408361310169 </c:v>
                </c:pt>
                <c:pt idx="846">
                  <c:v>71.2765222079156 </c:v>
                </c:pt>
                <c:pt idx="847">
                  <c:v>71.1125862068374 </c:v>
                </c:pt>
                <c:pt idx="848">
                  <c:v>70.9490272585616 </c:v>
                </c:pt>
                <c:pt idx="849">
                  <c:v>70.7858444958669 </c:v>
                </c:pt>
                <c:pt idx="850">
                  <c:v>70.6230370535265 </c:v>
                </c:pt>
                <c:pt idx="851">
                  <c:v>70.4606040683033 </c:v>
                </c:pt>
                <c:pt idx="852">
                  <c:v>70.2985446789463 </c:v>
                </c:pt>
                <c:pt idx="853">
                  <c:v>70.1368580261847 </c:v>
                </c:pt>
                <c:pt idx="854">
                  <c:v>69.9755432527244 </c:v>
                </c:pt>
                <c:pt idx="855">
                  <c:v>69.8145995032432 </c:v>
                </c:pt>
                <c:pt idx="856">
                  <c:v>69.6540259243857 </c:v>
                </c:pt>
                <c:pt idx="857">
                  <c:v>69.4938216647597 </c:v>
                </c:pt>
                <c:pt idx="858">
                  <c:v>69.3339858749307 </c:v>
                </c:pt>
                <c:pt idx="859">
                  <c:v>69.1745177074184 </c:v>
                </c:pt>
                <c:pt idx="860">
                  <c:v>69.0154163166913 </c:v>
                </c:pt>
                <c:pt idx="861">
                  <c:v>68.8566808591629 </c:v>
                </c:pt>
                <c:pt idx="862">
                  <c:v>68.6983104931869 </c:v>
                </c:pt>
                <c:pt idx="863">
                  <c:v>68.5403043790525 </c:v>
                </c:pt>
                <c:pt idx="864">
                  <c:v>68.3826616789807 </c:v>
                </c:pt>
                <c:pt idx="865">
                  <c:v>68.2253815571191 </c:v>
                </c:pt>
                <c:pt idx="866">
                  <c:v>68.0684631795377 </c:v>
                </c:pt>
                <c:pt idx="867">
                  <c:v>67.9119057142247 </c:v>
                </c:pt>
                <c:pt idx="868">
                  <c:v>67.7557083310820 </c:v>
                </c:pt>
                <c:pt idx="869">
                  <c:v>67.5998702019206 </c:v>
                </c:pt>
                <c:pt idx="870">
                  <c:v>67.4443905004561 </c:v>
                </c:pt>
                <c:pt idx="871">
                  <c:v>67.2892684023051 </c:v>
                </c:pt>
                <c:pt idx="872">
                  <c:v>67.1345030849798 </c:v>
                </c:pt>
                <c:pt idx="873">
                  <c:v>66.9800937278843 </c:v>
                </c:pt>
                <c:pt idx="874">
                  <c:v>66.8260395123102 </c:v>
                </c:pt>
                <c:pt idx="875">
                  <c:v>66.6723396214319 </c:v>
                </c:pt>
                <c:pt idx="876">
                  <c:v>66.5189932403026 </c:v>
                </c:pt>
                <c:pt idx="877">
                  <c:v>66.3659995558499 </c:v>
                </c:pt>
                <c:pt idx="878">
                  <c:v>66.2133577568715 </c:v>
                </c:pt>
                <c:pt idx="879">
                  <c:v>66.0610670340307 </c:v>
                </c:pt>
                <c:pt idx="880">
                  <c:v>65.9091265798524 </c:v>
                </c:pt>
                <c:pt idx="881">
                  <c:v>65.7575355887187 </c:v>
                </c:pt>
                <c:pt idx="882">
                  <c:v>65.6062932568647 </c:v>
                </c:pt>
                <c:pt idx="883">
                  <c:v>65.4553987823739 </c:v>
                </c:pt>
                <c:pt idx="884">
                  <c:v>65.3048513651744 </c:v>
                </c:pt>
                <c:pt idx="885">
                  <c:v>65.1546502070345 </c:v>
                </c:pt>
                <c:pt idx="886">
                  <c:v>65.0047945115584 </c:v>
                </c:pt>
                <c:pt idx="887">
                  <c:v>64.8552834841818 </c:v>
                </c:pt>
                <c:pt idx="888">
                  <c:v>64.7061163321682 </c:v>
                </c:pt>
                <c:pt idx="889">
                  <c:v>64.5572922646042 </c:v>
                </c:pt>
                <c:pt idx="890">
                  <c:v>64.4088104923956 </c:v>
                </c:pt>
                <c:pt idx="891">
                  <c:v>64.2606702282631 </c:v>
                </c:pt>
                <c:pt idx="892">
                  <c:v>64.1128706867381 </c:v>
                </c:pt>
                <c:pt idx="893">
                  <c:v>63.9654110841586 </c:v>
                </c:pt>
                <c:pt idx="894">
                  <c:v>63.8182906386650 </c:v>
                </c:pt>
                <c:pt idx="895">
                  <c:v>63.6715085701961 </c:v>
                </c:pt>
                <c:pt idx="896">
                  <c:v>63.5250641004847 </c:v>
                </c:pt>
                <c:pt idx="897">
                  <c:v>63.3789564530535 </c:v>
                </c:pt>
                <c:pt idx="898">
                  <c:v>63.2331848532115 </c:v>
                </c:pt>
                <c:pt idx="899">
                  <c:v>63.0877485280491 </c:v>
                </c:pt>
                <c:pt idx="900">
                  <c:v>62.9426467064346 </c:v>
                </c:pt>
                <c:pt idx="901">
                  <c:v>62.7978786190098 </c:v>
                </c:pt>
                <c:pt idx="902">
                  <c:v>62.6534434981861 </c:v>
                </c:pt>
                <c:pt idx="903">
                  <c:v>62.5093405781403 </c:v>
                </c:pt>
                <c:pt idx="904">
                  <c:v>62.3655690948106 </c:v>
                </c:pt>
                <c:pt idx="905">
                  <c:v>62.2221282858925 </c:v>
                </c:pt>
                <c:pt idx="906">
                  <c:v>62.0790173908349 </c:v>
                </c:pt>
                <c:pt idx="907">
                  <c:v>61.9362356508360 </c:v>
                </c:pt>
                <c:pt idx="908">
                  <c:v>61.7937823088391 </c:v>
                </c:pt>
                <c:pt idx="909">
                  <c:v>61.6516566095288 </c:v>
                </c:pt>
                <c:pt idx="910">
                  <c:v>61.5098577993269 </c:v>
                </c:pt>
                <c:pt idx="911">
                  <c:v>61.3683851263884 </c:v>
                </c:pt>
                <c:pt idx="912">
                  <c:v>61.2272378405977 </c:v>
                </c:pt>
                <c:pt idx="913">
                  <c:v>61.0864151935643 </c:v>
                </c:pt>
                <c:pt idx="914">
                  <c:v>60.9459164386192 </c:v>
                </c:pt>
                <c:pt idx="915">
                  <c:v>60.8057408308103 </c:v>
                </c:pt>
                <c:pt idx="916">
                  <c:v>60.6658876268995 </c:v>
                </c:pt>
                <c:pt idx="917">
                  <c:v>60.5263560853576 </c:v>
                </c:pt>
                <c:pt idx="918">
                  <c:v>60.3871454663613 </c:v>
                </c:pt>
                <c:pt idx="919">
                  <c:v>60.2482550317887 </c:v>
                </c:pt>
                <c:pt idx="920">
                  <c:v>60.1096840452156 </c:v>
                </c:pt>
                <c:pt idx="921">
                  <c:v>59.9714317719116 </c:v>
                </c:pt>
                <c:pt idx="922">
                  <c:v>59.8334974788362 </c:v>
                </c:pt>
                <c:pt idx="923">
                  <c:v>59.6958804346349 </c:v>
                </c:pt>
                <c:pt idx="924">
                  <c:v>59.5585799096352 </c:v>
                </c:pt>
                <c:pt idx="925">
                  <c:v>59.4215951758430 </c:v>
                </c:pt>
                <c:pt idx="926">
                  <c:v>59.2849255069386 </c:v>
                </c:pt>
                <c:pt idx="927">
                  <c:v>59.1485701782726 </c:v>
                </c:pt>
                <c:pt idx="928">
                  <c:v>59.0125284668626 </c:v>
                </c:pt>
                <c:pt idx="929">
                  <c:v>58.8767996513888 </c:v>
                </c:pt>
                <c:pt idx="930">
                  <c:v>58.7413830121906 </c:v>
                </c:pt>
                <c:pt idx="931">
                  <c:v>58.6062778312626 </c:v>
                </c:pt>
                <c:pt idx="932">
                  <c:v>58.4714833922507 </c:v>
                </c:pt>
                <c:pt idx="933">
                  <c:v>58.3369989804485 </c:v>
                </c:pt>
                <c:pt idx="934">
                  <c:v>58.2028238827935 </c:v>
                </c:pt>
                <c:pt idx="935">
                  <c:v>58.0689573878631 </c:v>
                </c:pt>
                <c:pt idx="936">
                  <c:v>57.9353987858710 </c:v>
                </c:pt>
                <c:pt idx="937">
                  <c:v>57.8021473686635 </c:v>
                </c:pt>
                <c:pt idx="938">
                  <c:v>57.6692024297156 </c:v>
                </c:pt>
                <c:pt idx="939">
                  <c:v>57.5365632641272 </c:v>
                </c:pt>
                <c:pt idx="940">
                  <c:v>57.4042291686197 </c:v>
                </c:pt>
                <c:pt idx="941">
                  <c:v>57.2721994415319 </c:v>
                </c:pt>
                <c:pt idx="942">
                  <c:v>57.1404733828164 </c:v>
                </c:pt>
                <c:pt idx="943">
                  <c:v>57.0090502940359 </c:v>
                </c:pt>
                <c:pt idx="944">
                  <c:v>56.8779294783596 </c:v>
                </c:pt>
                <c:pt idx="945">
                  <c:v>56.7471102405594 </c:v>
                </c:pt>
                <c:pt idx="946">
                  <c:v>56.6165918870061 </c:v>
                </c:pt>
                <c:pt idx="947">
                  <c:v>56.4863737256660 </c:v>
                </c:pt>
                <c:pt idx="948">
                  <c:v>56.3564550660970 </c:v>
                </c:pt>
                <c:pt idx="949">
                  <c:v>56.2268352194450 </c:v>
                </c:pt>
                <c:pt idx="950">
                  <c:v>56.0975134984403 </c:v>
                </c:pt>
                <c:pt idx="951">
                  <c:v>55.9684892173938 </c:v>
                </c:pt>
                <c:pt idx="952">
                  <c:v>55.8397616921938 </c:v>
                </c:pt>
                <c:pt idx="953">
                  <c:v>55.7113302403018 </c:v>
                </c:pt>
                <c:pt idx="954">
                  <c:v>55.5831941807491 </c:v>
                </c:pt>
                <c:pt idx="955">
                  <c:v>55.4553528341334 </c:v>
                </c:pt>
                <c:pt idx="956">
                  <c:v>55.3278055226149 </c:v>
                </c:pt>
                <c:pt idx="957">
                  <c:v>55.2005515699129 </c:v>
                </c:pt>
                <c:pt idx="958">
                  <c:v>55.0735903013021 </c:v>
                </c:pt>
                <c:pt idx="959">
                  <c:v>54.9469210436091 </c:v>
                </c:pt>
                <c:pt idx="960">
                  <c:v>54.8205431252088 </c:v>
                </c:pt>
                <c:pt idx="961">
                  <c:v>54.6944558760208 </c:v>
                </c:pt>
                <c:pt idx="962">
                  <c:v>54.5686586275059 </c:v>
                </c:pt>
                <c:pt idx="963">
                  <c:v>54.4431507126627 </c:v>
                </c:pt>
                <c:pt idx="964">
                  <c:v>54.3179314660236 </c:v>
                </c:pt>
                <c:pt idx="965">
                  <c:v>54.1930002236517 </c:v>
                </c:pt>
                <c:pt idx="966">
                  <c:v>54.0683563231373 </c:v>
                </c:pt>
                <c:pt idx="967">
                  <c:v>53.9439991035941 </c:v>
                </c:pt>
                <c:pt idx="968">
                  <c:v>53.8199279056558 </c:v>
                </c:pt>
                <c:pt idx="969">
                  <c:v>53.6961420714728 </c:v>
                </c:pt>
                <c:pt idx="970">
                  <c:v>53.5726409447085 </c:v>
                </c:pt>
                <c:pt idx="971">
                  <c:v>53.4494238705356 </c:v>
                </c:pt>
                <c:pt idx="972">
                  <c:v>53.3264901956334 </c:v>
                </c:pt>
                <c:pt idx="973">
                  <c:v>53.2038392681835 </c:v>
                </c:pt>
                <c:pt idx="974">
                  <c:v>53.0814704378666 </c:v>
                </c:pt>
                <c:pt idx="975">
                  <c:v>52.9593830558595 </c:v>
                </c:pt>
                <c:pt idx="976">
                  <c:v>52.8375764748310 </c:v>
                </c:pt>
                <c:pt idx="977">
                  <c:v>52.7160500489390 </c:v>
                </c:pt>
                <c:pt idx="978">
                  <c:v>52.5948031338264 </c:v>
                </c:pt>
                <c:pt idx="979">
                  <c:v>52.4738350866186 </c:v>
                </c:pt>
                <c:pt idx="980">
                  <c:v>52.3531452659194 </c:v>
                </c:pt>
                <c:pt idx="981">
                  <c:v>52.2327330318078 </c:v>
                </c:pt>
                <c:pt idx="982">
                  <c:v>52.1125977458346 </c:v>
                </c:pt>
                <c:pt idx="983">
                  <c:v>51.9927387710192 </c:v>
                </c:pt>
                <c:pt idx="984">
                  <c:v>51.8731554718458 </c:v>
                </c:pt>
                <c:pt idx="985">
                  <c:v>51.7538472142606 </c:v>
                </c:pt>
                <c:pt idx="986">
                  <c:v>51.6348133656678 </c:v>
                </c:pt>
                <c:pt idx="987">
                  <c:v>51.5160532949268 </c:v>
                </c:pt>
                <c:pt idx="988">
                  <c:v>51.3975663723484 </c:v>
                </c:pt>
                <c:pt idx="989">
                  <c:v>51.2793519696920 </c:v>
                </c:pt>
                <c:pt idx="990">
                  <c:v>51.1614094601618 </c:v>
                </c:pt>
                <c:pt idx="991">
                  <c:v>51.0437382184034 </c:v>
                </c:pt>
                <c:pt idx="992">
                  <c:v>50.9263376205011 </c:v>
                </c:pt>
                <c:pt idx="993">
                  <c:v>50.8092070439739 </c:v>
                </c:pt>
                <c:pt idx="994">
                  <c:v>50.6923458677728 </c:v>
                </c:pt>
                <c:pt idx="995">
                  <c:v>50.5757534722769 </c:v>
                </c:pt>
                <c:pt idx="996">
                  <c:v>50.4594292392907 </c:v>
                </c:pt>
                <c:pt idx="997">
                  <c:v>50.3433725520403 </c:v>
                </c:pt>
                <c:pt idx="998">
                  <c:v>50.2275827951706 </c:v>
                </c:pt>
                <c:pt idx="999">
                  <c:v>50.1120593547417 </c:v>
                </c:pt>
                <c:pt idx="1000">
                  <c:v>49.9968016182258 </c:v>
                </c:pt>
                <c:pt idx="1001">
                  <c:v>49.8818089745039 </c:v>
                </c:pt>
                <c:pt idx="1002">
                  <c:v>49.7670808138625 </c:v>
                </c:pt>
                <c:pt idx="1003">
                  <c:v>49.6526165279906 </c:v>
                </c:pt>
                <c:pt idx="1004">
                  <c:v>49.5384155099763 </c:v>
                </c:pt>
                <c:pt idx="1005">
                  <c:v>49.4244771543033 </c:v>
                </c:pt>
                <c:pt idx="1006">
                  <c:v>49.3108008568484 </c:v>
                </c:pt>
                <c:pt idx="1007">
                  <c:v>49.1973860148777 </c:v>
                </c:pt>
                <c:pt idx="1008">
                  <c:v>49.0842320270435 </c:v>
                </c:pt>
                <c:pt idx="1009">
                  <c:v>48.9713382933813 </c:v>
                </c:pt>
                <c:pt idx="1010">
                  <c:v>48.8587042153065 </c:v>
                </c:pt>
                <c:pt idx="1011">
                  <c:v>48.7463291956113 </c:v>
                </c:pt>
                <c:pt idx="1012">
                  <c:v>48.6342126384614 </c:v>
                </c:pt>
                <c:pt idx="1013">
                  <c:v>48.5223539493929 </c:v>
                </c:pt>
                <c:pt idx="1014">
                  <c:v>48.4107525353093 </c:v>
                </c:pt>
                <c:pt idx="1015">
                  <c:v>48.2994078044781 </c:v>
                </c:pt>
                <c:pt idx="1016">
                  <c:v>48.1883191665278 </c:v>
                </c:pt>
                <c:pt idx="1017">
                  <c:v>48.0774860324448 </c:v>
                </c:pt>
                <c:pt idx="1018">
                  <c:v>47.9669078145702 </c:v>
                </c:pt>
                <c:pt idx="1019">
                  <c:v>47.8565839265967 </c:v>
                </c:pt>
                <c:pt idx="1020">
                  <c:v>47.7465137835655 </c:v>
                </c:pt>
                <c:pt idx="1021">
                  <c:v>47.6366968018633 </c:v>
                </c:pt>
                <c:pt idx="1022">
                  <c:v>47.5271323992190 </c:v>
                </c:pt>
                <c:pt idx="1023">
                  <c:v>47.4178199947008 </c:v>
                </c:pt>
                <c:pt idx="1024">
                  <c:v>47.3087590087130 </c:v>
                </c:pt>
                <c:pt idx="1025">
                  <c:v>47.1999488629930 </c:v>
                </c:pt>
                <c:pt idx="1026">
                  <c:v>47.0913889806081 </c:v>
                </c:pt>
                <c:pt idx="1027">
                  <c:v>46.9830787859527 </c:v>
                </c:pt>
                <c:pt idx="1028">
                  <c:v>46.8750177047450 </c:v>
                </c:pt>
                <c:pt idx="1029">
                  <c:v>46.7672051640241 </c:v>
                </c:pt>
                <c:pt idx="1030">
                  <c:v>46.6596405921469 </c:v>
                </c:pt>
                <c:pt idx="1031">
                  <c:v>46.5523234187849 </c:v>
                </c:pt>
                <c:pt idx="1032">
                  <c:v>46.4452530749217 </c:v>
                </c:pt>
                <c:pt idx="1033">
                  <c:v>46.3384289928494 </c:v>
                </c:pt>
                <c:pt idx="1034">
                  <c:v>46.2318506061658 </c:v>
                </c:pt>
                <c:pt idx="1035">
                  <c:v>46.1255173497717 </c:v>
                </c:pt>
                <c:pt idx="1036">
                  <c:v>46.0194286598672 </c:v>
                </c:pt>
                <c:pt idx="1037">
                  <c:v>45.9135839739495 </c:v>
                </c:pt>
                <c:pt idx="1038">
                  <c:v>45.8079827308094 </c:v>
                </c:pt>
                <c:pt idx="1039">
                  <c:v>45.7026243705286 </c:v>
                </c:pt>
                <c:pt idx="1040">
                  <c:v>45.5975083344763 </c:v>
                </c:pt>
                <c:pt idx="1041">
                  <c:v>45.4926340653071 </c:v>
                </c:pt>
                <c:pt idx="1042">
                  <c:v>45.3880010069568 </c:v>
                </c:pt>
                <c:pt idx="1043">
                  <c:v>45.2836086046408 </c:v>
                </c:pt>
                <c:pt idx="1044">
                  <c:v>45.1794563048502 </c:v>
                </c:pt>
                <c:pt idx="1045">
                  <c:v>45.0755435553490 </c:v>
                </c:pt>
                <c:pt idx="1046">
                  <c:v>44.9718698051717 </c:v>
                </c:pt>
                <c:pt idx="1047">
                  <c:v>44.8684345046198 </c:v>
                </c:pt>
                <c:pt idx="1048">
                  <c:v>44.7652371052592 </c:v>
                </c:pt>
                <c:pt idx="1049">
                  <c:v>44.6622770599171 </c:v>
                </c:pt>
                <c:pt idx="1050">
                  <c:v>44.5595538226793 </c:v>
                </c:pt>
                <c:pt idx="1051">
                  <c:v>44.4570668488871 </c:v>
                </c:pt>
                <c:pt idx="1052">
                  <c:v>44.3548155951347 </c:v>
                </c:pt>
                <c:pt idx="1053">
                  <c:v>44.2527995192659 </c:v>
                </c:pt>
                <c:pt idx="1054">
                  <c:v>44.1510180803716 </c:v>
                </c:pt>
                <c:pt idx="1055">
                  <c:v>44.0494707387867 </c:v>
                </c:pt>
                <c:pt idx="1056">
                  <c:v>43.9481569560875 </c:v>
                </c:pt>
                <c:pt idx="1057">
                  <c:v>43.8470761950885 </c:v>
                </c:pt>
                <c:pt idx="1058">
                  <c:v>43.7462279198398 </c:v>
                </c:pt>
                <c:pt idx="1059">
                  <c:v>43.6456115956242 </c:v>
                </c:pt>
                <c:pt idx="1060">
                  <c:v>43.5452266889543 </c:v>
                </c:pt>
                <c:pt idx="1061">
                  <c:v>43.4450726675697 </c:v>
                </c:pt>
                <c:pt idx="1062">
                  <c:v>43.3451490004343 </c:v>
                </c:pt>
                <c:pt idx="1063">
                  <c:v>43.2454551577333 </c:v>
                </c:pt>
                <c:pt idx="1064">
                  <c:v>43.1459906108705 </c:v>
                </c:pt>
                <c:pt idx="1065">
                  <c:v>43.0467548324655 </c:v>
                </c:pt>
                <c:pt idx="1066">
                  <c:v>42.9477472963508 </c:v>
                </c:pt>
                <c:pt idx="1067">
                  <c:v>42.8489674775692 </c:v>
                </c:pt>
                <c:pt idx="1068">
                  <c:v>42.7504148523708 </c:v>
                </c:pt>
                <c:pt idx="1069">
                  <c:v>42.6520888982103 </c:v>
                </c:pt>
                <c:pt idx="1070">
                  <c:v>42.5539890937445 </c:v>
                </c:pt>
                <c:pt idx="1071">
                  <c:v>42.4561149188289 </c:v>
                </c:pt>
                <c:pt idx="1072">
                  <c:v>42.3584658545155 </c:v>
                </c:pt>
                <c:pt idx="1073">
                  <c:v>42.2610413830502 </c:v>
                </c:pt>
                <c:pt idx="1074">
                  <c:v>42.1638409878692 </c:v>
                </c:pt>
                <c:pt idx="1075">
                  <c:v>42.0668641535971 </c:v>
                </c:pt>
                <c:pt idx="1076">
                  <c:v>41.9701103660438 </c:v>
                </c:pt>
                <c:pt idx="1077">
                  <c:v>41.8735791122019 </c:v>
                </c:pt>
                <c:pt idx="1078">
                  <c:v>41.7772698802438 </c:v>
                </c:pt>
                <c:pt idx="1079">
                  <c:v>41.6811821595193 </c:v>
                </c:pt>
                <c:pt idx="1080">
                  <c:v>41.5853154405524 </c:v>
                </c:pt>
                <c:pt idx="1081">
                  <c:v>41.4896692150391 </c:v>
                </c:pt>
                <c:pt idx="1082">
                  <c:v>41.3942429758445 </c:v>
                </c:pt>
                <c:pt idx="1083">
                  <c:v>41.2990362170001 </c:v>
                </c:pt>
                <c:pt idx="1084">
                  <c:v>41.2040484337010 </c:v>
                </c:pt>
                <c:pt idx="1085">
                  <c:v>41.1092791223035 </c:v>
                </c:pt>
                <c:pt idx="1086">
                  <c:v>41.0147277803222 </c:v>
                </c:pt>
                <c:pt idx="1087">
                  <c:v>40.9203939064274 </c:v>
                </c:pt>
                <c:pt idx="1088">
                  <c:v>40.8262770004426 </c:v>
                </c:pt>
                <c:pt idx="1089">
                  <c:v>40.7323765633416 </c:v>
                </c:pt>
                <c:pt idx="1090">
                  <c:v>40.6386920972459 </c:v>
                </c:pt>
                <c:pt idx="1091">
                  <c:v>40.5452231054223 </c:v>
                </c:pt>
                <c:pt idx="1092">
                  <c:v>40.4519690922798 </c:v>
                </c:pt>
                <c:pt idx="1093">
                  <c:v>40.3589295633676 </c:v>
                </c:pt>
                <c:pt idx="1094">
                  <c:v>40.2661040253718 </c:v>
                </c:pt>
                <c:pt idx="1095">
                  <c:v>40.1734919861135 </c:v>
                </c:pt>
                <c:pt idx="1096">
                  <c:v>40.0810929545454 </c:v>
                </c:pt>
                <c:pt idx="1097">
                  <c:v>39.9889064407500 </c:v>
                </c:pt>
                <c:pt idx="1098">
                  <c:v>39.8969319559362 </c:v>
                </c:pt>
                <c:pt idx="1099">
                  <c:v>39.8051690124376 </c:v>
                </c:pt>
                <c:pt idx="1100">
                  <c:v>39.7136171237090 </c:v>
                </c:pt>
                <c:pt idx="1101">
                  <c:v>39.6222758043245 </c:v>
                </c:pt>
                <c:pt idx="1102">
                  <c:v>39.5311445699745 </c:v>
                </c:pt>
                <c:pt idx="1103">
                  <c:v>39.4402229374636 </c:v>
                </c:pt>
                <c:pt idx="1104">
                  <c:v>39.3495104247074 </c:v>
                </c:pt>
                <c:pt idx="1105">
                  <c:v>39.2590065507306 </c:v>
                </c:pt>
                <c:pt idx="1106">
                  <c:v>39.1687108356639 </c:v>
                </c:pt>
                <c:pt idx="1107">
                  <c:v>39.0786228007419 </c:v>
                </c:pt>
                <c:pt idx="1108">
                  <c:v>38.9887419683002 </c:v>
                </c:pt>
                <c:pt idx="1109">
                  <c:v>38.8990678617731 </c:v>
                </c:pt>
                <c:pt idx="1110">
                  <c:v>38.8096000056910 </c:v>
                </c:pt>
                <c:pt idx="1111">
                  <c:v>38.7203379256779 </c:v>
                </c:pt>
                <c:pt idx="1112">
                  <c:v>38.6312811484489 </c:v>
                </c:pt>
                <c:pt idx="1113">
                  <c:v>38.5424292018074 </c:v>
                </c:pt>
                <c:pt idx="1114">
                  <c:v>38.4537816146433 </c:v>
                </c:pt>
                <c:pt idx="1115">
                  <c:v>38.3653379169296 </c:v>
                </c:pt>
                <c:pt idx="1116">
                  <c:v>38.2770976397207 </c:v>
                </c:pt>
                <c:pt idx="1117">
                  <c:v>38.1890603151493 </c:v>
                </c:pt>
                <c:pt idx="1118">
                  <c:v>38.1012254764245 </c:v>
                </c:pt>
                <c:pt idx="1119">
                  <c:v>38.0135926578287 </c:v>
                </c:pt>
                <c:pt idx="1120">
                  <c:v>37.9261613947157 </c:v>
                </c:pt>
                <c:pt idx="1121">
                  <c:v>37.8389312235078 </c:v>
                </c:pt>
                <c:pt idx="1122">
                  <c:v>37.7519016816938 </c:v>
                </c:pt>
                <c:pt idx="1123">
                  <c:v>37.6650723078259 </c:v>
                </c:pt>
                <c:pt idx="1124">
                  <c:v>37.5784426415179 </c:v>
                </c:pt>
                <c:pt idx="1125">
                  <c:v>37.4920122234424 </c:v>
                </c:pt>
                <c:pt idx="1126">
                  <c:v>37.4057805953285 </c:v>
                </c:pt>
                <c:pt idx="1127">
                  <c:v>37.3197472999592 </c:v>
                </c:pt>
                <c:pt idx="1128">
                  <c:v>37.2339118811693 </c:v>
                </c:pt>
                <c:pt idx="1129">
                  <c:v>37.1482738838426 </c:v>
                </c:pt>
                <c:pt idx="1130">
                  <c:v>37.0628328539098 </c:v>
                </c:pt>
                <c:pt idx="1131">
                  <c:v>36.9775883383458 </c:v>
                </c:pt>
                <c:pt idx="1132">
                  <c:v>36.8925398851676 </c:v>
                </c:pt>
                <c:pt idx="1133">
                  <c:v>36.8076870434317 </c:v>
                </c:pt>
                <c:pt idx="1134">
                  <c:v>36.7230293632318 </c:v>
                </c:pt>
                <c:pt idx="1135">
                  <c:v>36.6385663956964 </c:v>
                </c:pt>
                <c:pt idx="1136">
                  <c:v>36.5542976929863 </c:v>
                </c:pt>
                <c:pt idx="1137">
                  <c:v>36.4702228082924 </c:v>
                </c:pt>
                <c:pt idx="1138">
                  <c:v>36.3863412958334 </c:v>
                </c:pt>
                <c:pt idx="1139">
                  <c:v>36.3026527108530 </c:v>
                </c:pt>
                <c:pt idx="1140">
                  <c:v>36.2191566096180 </c:v>
                </c:pt>
                <c:pt idx="1141">
                  <c:v>36.1358525494159 </c:v>
                </c:pt>
                <c:pt idx="1142">
                  <c:v>36.0527400885522 </c:v>
                </c:pt>
                <c:pt idx="1143">
                  <c:v>35.9698187863485 </c:v>
                </c:pt>
                <c:pt idx="1144">
                  <c:v>35.8870882031399 </c:v>
                </c:pt>
                <c:pt idx="1145">
                  <c:v>35.8045479002727 </c:v>
                </c:pt>
                <c:pt idx="1146">
                  <c:v>35.7221974401021 </c:v>
                </c:pt>
                <c:pt idx="1147">
                  <c:v>35.6400363859899 </c:v>
                </c:pt>
                <c:pt idx="1148">
                  <c:v>35.5580643023021 </c:v>
                </c:pt>
                <c:pt idx="1149">
                  <c:v>35.4762807544068 </c:v>
                </c:pt>
                <c:pt idx="1150">
                  <c:v>35.3946853086717 </c:v>
                </c:pt>
                <c:pt idx="1151">
                  <c:v>35.3132775324617 </c:v>
                </c:pt>
                <c:pt idx="1152">
                  <c:v>35.2320569941371 </c:v>
                </c:pt>
                <c:pt idx="1153">
                  <c:v>35.1510232630505 </c:v>
                </c:pt>
                <c:pt idx="1154">
                  <c:v>35.0701759095455 </c:v>
                </c:pt>
                <c:pt idx="1155">
                  <c:v>34.9895145049536 </c:v>
                </c:pt>
                <c:pt idx="1156">
                  <c:v>34.9090386215922 </c:v>
                </c:pt>
                <c:pt idx="1157">
                  <c:v>34.8287478327625 </c:v>
                </c:pt>
                <c:pt idx="1158">
                  <c:v>34.7486417127472 </c:v>
                </c:pt>
                <c:pt idx="1159">
                  <c:v>34.6687198368079 </c:v>
                </c:pt>
                <c:pt idx="1160">
                  <c:v>34.5889817811832 </c:v>
                </c:pt>
                <c:pt idx="1161">
                  <c:v>34.5094271230865 </c:v>
                </c:pt>
                <c:pt idx="1162">
                  <c:v>34.4300554407034 </c:v>
                </c:pt>
                <c:pt idx="1163">
                  <c:v>34.3508663131898 </c:v>
                </c:pt>
                <c:pt idx="1164">
                  <c:v>34.2718593206694 </c:v>
                </c:pt>
                <c:pt idx="1165">
                  <c:v>34.1930340442319 </c:v>
                </c:pt>
                <c:pt idx="1166">
                  <c:v>34.1143900659302 </c:v>
                </c:pt>
                <c:pt idx="1167">
                  <c:v>34.0359269687785 </c:v>
                </c:pt>
                <c:pt idx="1168">
                  <c:v>33.9576443367503 </c:v>
                </c:pt>
                <c:pt idx="1169">
                  <c:v>33.8795417547758 </c:v>
                </c:pt>
                <c:pt idx="1170">
                  <c:v>33.8016188087398 </c:v>
                </c:pt>
                <c:pt idx="1171">
                  <c:v>33.7238750854797 </c:v>
                </c:pt>
                <c:pt idx="1172">
                  <c:v>33.6463101727831 </c:v>
                </c:pt>
                <c:pt idx="1173">
                  <c:v>33.5689236593857 </c:v>
                </c:pt>
                <c:pt idx="1174">
                  <c:v>33.4917151349691 </c:v>
                </c:pt>
                <c:pt idx="1175">
                  <c:v>33.4146841901587 </c:v>
                </c:pt>
                <c:pt idx="1176">
                  <c:v>33.3378304165213 </c:v>
                </c:pt>
                <c:pt idx="1177">
                  <c:v>33.2611534065633 </c:v>
                </c:pt>
                <c:pt idx="1178">
                  <c:v>33.1846527537283 </c:v>
                </c:pt>
                <c:pt idx="1179">
                  <c:v>33.1083280523947 </c:v>
                </c:pt>
                <c:pt idx="1180">
                  <c:v>33.0321788978742 </c:v>
                </c:pt>
                <c:pt idx="1181">
                  <c:v>32.9562048864091 </c:v>
                </c:pt>
                <c:pt idx="1182">
                  <c:v>32.8804056151703 </c:v>
                </c:pt>
                <c:pt idx="1183">
                  <c:v>32.8047806822554 </c:v>
                </c:pt>
                <c:pt idx="1184">
                  <c:v>32.7293296866862 </c:v>
                </c:pt>
                <c:pt idx="1185">
                  <c:v>32.6540522284069 </c:v>
                </c:pt>
                <c:pt idx="1186">
                  <c:v>32.5789479082815 </c:v>
                </c:pt>
                <c:pt idx="1187">
                  <c:v>32.5040163280925 </c:v>
                </c:pt>
                <c:pt idx="1188">
                  <c:v>32.4292570905379 </c:v>
                </c:pt>
                <c:pt idx="1189">
                  <c:v>32.3546697992296 </c:v>
                </c:pt>
                <c:pt idx="1190">
                  <c:v>32.2802540586914 </c:v>
                </c:pt>
                <c:pt idx="1191">
                  <c:v>32.2060094743564 </c:v>
                </c:pt>
                <c:pt idx="1192">
                  <c:v>32.1319356525654 </c:v>
                </c:pt>
                <c:pt idx="1193">
                  <c:v>32.0580322005645 </c:v>
                </c:pt>
                <c:pt idx="1194">
                  <c:v>31.9842987265032 </c:v>
                </c:pt>
                <c:pt idx="1195">
                  <c:v>31.9107348394323 </c:v>
                </c:pt>
                <c:pt idx="1196">
                  <c:v>31.8373401493016 </c:v>
                </c:pt>
                <c:pt idx="1197">
                  <c:v>31.7641142669582 </c:v>
                </c:pt>
                <c:pt idx="1198">
                  <c:v>31.6910568041442 </c:v>
                </c:pt>
                <c:pt idx="1199">
                  <c:v>31.6181673734946 </c:v>
                </c:pt>
                <c:pt idx="1200">
                  <c:v>31.5454455885356 </c:v>
                </c:pt>
                <c:pt idx="1201">
                  <c:v>31.4728910636820 </c:v>
                </c:pt>
                <c:pt idx="1202">
                  <c:v>31.4005034142355 </c:v>
                </c:pt>
                <c:pt idx="1203">
                  <c:v>31.3282822563828 </c:v>
                </c:pt>
                <c:pt idx="1204">
                  <c:v>31.2562272071931 </c:v>
                </c:pt>
                <c:pt idx="1205">
                  <c:v>31.1843378846165 </c:v>
                </c:pt>
                <c:pt idx="1206">
                  <c:v>31.1126139074819 </c:v>
                </c:pt>
                <c:pt idx="1207">
                  <c:v>31.0410548954947 </c:v>
                </c:pt>
                <c:pt idx="1208">
                  <c:v>30.9696604692351 </c:v>
                </c:pt>
                <c:pt idx="1209">
                  <c:v>30.8984302501558 </c:v>
                </c:pt>
                <c:pt idx="1210">
                  <c:v>30.8273638605805 </c:v>
                </c:pt>
                <c:pt idx="1211">
                  <c:v>30.7564609237012 </c:v>
                </c:pt>
                <c:pt idx="1212">
                  <c:v>30.6857210635766 </c:v>
                </c:pt>
                <c:pt idx="1213">
                  <c:v>30.6151439051304 </c:v>
                </c:pt>
                <c:pt idx="1214">
                  <c:v>30.5447290741486 </c:v>
                </c:pt>
                <c:pt idx="1215">
                  <c:v>30.4744761972781 </c:v>
                </c:pt>
                <c:pt idx="1216">
                  <c:v>30.4043849020243 </c:v>
                </c:pt>
                <c:pt idx="1217">
                  <c:v>30.3344548167497 </c:v>
                </c:pt>
                <c:pt idx="1218">
                  <c:v>30.2646855706712 </c:v>
                </c:pt>
                <c:pt idx="1219">
                  <c:v>30.1950767938586 </c:v>
                </c:pt>
                <c:pt idx="1220">
                  <c:v>30.1256281172327 </c:v>
                </c:pt>
                <c:pt idx="1221">
                  <c:v>30.0563391725631 </c:v>
                </c:pt>
              </c:strCache>
            </c:strRef>
          </c:tx>
          <c:spPr>
            <a:ln w="3175" cap="rnd">
              <a:solidFill>
                <a:schemeClr val="accent1"/>
              </a:solidFill>
            </a:ln>
            <a:effectLst>
              <a:glow rad="38100">
                <a:schemeClr val="accent1">
                  <a:satMod val="175000"/>
                  <a:alpha val="15000"/>
                </a:schemeClr>
              </a:glow>
            </a:effectLst>
          </c:spPr>
          <c:marker>
            <c:symbol val="none"/>
          </c:marker>
          <c:dPt>
            <c:idx val="0"/>
            <c:marker>
              <c:symbol val="none"/>
            </c:marker>
            <c:bubble3D val="0"/>
            <c:extLst>
              <c:ext xmlns:c16="http://schemas.microsoft.com/office/drawing/2014/chart" uri="{C3380CC4-5D6E-409C-BE32-E72D297353CC}">
                <c16:uniqueId val="{00000002-FC2E-48A5-9FEA-4712AAFEA470}"/>
              </c:ext>
            </c:extLst>
          </c:dPt>
          <c:val>
            <c:numRef>
              <c:f>工作表3!$A$1:$A$1222</c:f>
              <c:numCache>
                <c:formatCode>0.0000000000000_);[Red]\(0.0000000000000\)</c:formatCode>
                <c:ptCount val="1222"/>
                <c:pt idx="0">
                  <c:v>500</c:v>
                </c:pt>
                <c:pt idx="1">
                  <c:v>498.85</c:v>
                </c:pt>
                <c:pt idx="2">
                  <c:v>497.70264500000008</c:v>
                </c:pt>
                <c:pt idx="3">
                  <c:v>496.55792891650009</c:v>
                </c:pt>
                <c:pt idx="4">
                  <c:v>495.41584567999212</c:v>
                </c:pt>
                <c:pt idx="5">
                  <c:v>494.27638923492816</c:v>
                </c:pt>
                <c:pt idx="6">
                  <c:v>493.13955353968788</c:v>
                </c:pt>
                <c:pt idx="7">
                  <c:v>492.0053325665466</c:v>
                </c:pt>
                <c:pt idx="8">
                  <c:v>490.87372030164357</c:v>
                </c:pt>
                <c:pt idx="9">
                  <c:v>489.74471074494977</c:v>
                </c:pt>
                <c:pt idx="10">
                  <c:v>488.61829791023644</c:v>
                </c:pt>
                <c:pt idx="11">
                  <c:v>487.49447582504291</c:v>
                </c:pt>
                <c:pt idx="12">
                  <c:v>486.37323853064532</c:v>
                </c:pt>
                <c:pt idx="13">
                  <c:v>485.25458008202486</c:v>
                </c:pt>
                <c:pt idx="14">
                  <c:v>484.13849454783627</c:v>
                </c:pt>
                <c:pt idx="15">
                  <c:v>483.02497601037624</c:v>
                </c:pt>
                <c:pt idx="16">
                  <c:v>481.9140185655524</c:v>
                </c:pt>
                <c:pt idx="17">
                  <c:v>480.80561632285162</c:v>
                </c:pt>
                <c:pt idx="18">
                  <c:v>479.69976340530911</c:v>
                </c:pt>
                <c:pt idx="19">
                  <c:v>478.59645394947694</c:v>
                </c:pt>
                <c:pt idx="20">
                  <c:v>477.49568210539314</c:v>
                </c:pt>
                <c:pt idx="21">
                  <c:v>476.39744203655079</c:v>
                </c:pt>
                <c:pt idx="22">
                  <c:v>475.30172791986666</c:v>
                </c:pt>
                <c:pt idx="23">
                  <c:v>474.20853394565103</c:v>
                </c:pt>
                <c:pt idx="24">
                  <c:v>473.11785431757602</c:v>
                </c:pt>
                <c:pt idx="25">
                  <c:v>472.02968325264567</c:v>
                </c:pt>
                <c:pt idx="26">
                  <c:v>470.94401498116457</c:v>
                </c:pt>
                <c:pt idx="27">
                  <c:v>469.86084374670787</c:v>
                </c:pt>
                <c:pt idx="28">
                  <c:v>468.78016380609051</c:v>
                </c:pt>
                <c:pt idx="29">
                  <c:v>467.70196942933649</c:v>
                </c:pt>
                <c:pt idx="30">
                  <c:v>466.6262548996491</c:v>
                </c:pt>
                <c:pt idx="31">
                  <c:v>465.55301451337988</c:v>
                </c:pt>
                <c:pt idx="32">
                  <c:v>464.48224257999914</c:v>
                </c:pt>
                <c:pt idx="33">
                  <c:v>463.41393342206516</c:v>
                </c:pt>
                <c:pt idx="34">
                  <c:v>462.34808137519445</c:v>
                </c:pt>
                <c:pt idx="35">
                  <c:v>461.28468078803155</c:v>
                </c:pt>
                <c:pt idx="36">
                  <c:v>460.22372602221907</c:v>
                </c:pt>
                <c:pt idx="37">
                  <c:v>459.165211452368</c:v>
                </c:pt>
                <c:pt idx="38">
                  <c:v>458.10913146602758</c:v>
                </c:pt>
                <c:pt idx="39">
                  <c:v>457.05548046365573</c:v>
                </c:pt>
                <c:pt idx="40">
                  <c:v>456.00425285858933</c:v>
                </c:pt>
                <c:pt idx="41">
                  <c:v>454.95544307701459</c:v>
                </c:pt>
                <c:pt idx="42">
                  <c:v>453.90904555793742</c:v>
                </c:pt>
                <c:pt idx="43">
                  <c:v>452.8650547531542</c:v>
                </c:pt>
                <c:pt idx="44">
                  <c:v>451.82346512722199</c:v>
                </c:pt>
                <c:pt idx="45">
                  <c:v>450.78427115742943</c:v>
                </c:pt>
                <c:pt idx="46">
                  <c:v>449.74746733376736</c:v>
                </c:pt>
                <c:pt idx="47">
                  <c:v>448.71304815889971</c:v>
                </c:pt>
                <c:pt idx="48">
                  <c:v>447.6810081481342</c:v>
                </c:pt>
                <c:pt idx="49">
                  <c:v>446.65134182939352</c:v>
                </c:pt>
                <c:pt idx="50">
                  <c:v>445.62404374318601</c:v>
                </c:pt>
                <c:pt idx="51">
                  <c:v>444.59910844257666</c:v>
                </c:pt>
                <c:pt idx="52">
                  <c:v>443.57653049315871</c:v>
                </c:pt>
                <c:pt idx="53">
                  <c:v>442.55630447302451</c:v>
                </c:pt>
                <c:pt idx="54">
                  <c:v>441.53842497273655</c:v>
                </c:pt>
                <c:pt idx="55">
                  <c:v>440.52288659529933</c:v>
                </c:pt>
                <c:pt idx="56">
                  <c:v>439.50968395613012</c:v>
                </c:pt>
                <c:pt idx="57">
                  <c:v>438.49881168303108</c:v>
                </c:pt>
                <c:pt idx="58">
                  <c:v>437.49026441616007</c:v>
                </c:pt>
                <c:pt idx="59">
                  <c:v>436.48403680800288</c:v>
                </c:pt>
                <c:pt idx="60">
                  <c:v>435.48012352334456</c:v>
                </c:pt>
                <c:pt idx="61">
                  <c:v>434.47851923924088</c:v>
                </c:pt>
                <c:pt idx="62">
                  <c:v>433.47921864499068</c:v>
                </c:pt>
                <c:pt idx="63">
                  <c:v>432.48221644210719</c:v>
                </c:pt>
                <c:pt idx="64">
                  <c:v>431.48750734429035</c:v>
                </c:pt>
                <c:pt idx="65">
                  <c:v>430.49508607739853</c:v>
                </c:pt>
                <c:pt idx="66">
                  <c:v>429.50494737942051</c:v>
                </c:pt>
                <c:pt idx="67">
                  <c:v>428.51708600044793</c:v>
                </c:pt>
                <c:pt idx="68">
                  <c:v>427.53149670264685</c:v>
                </c:pt>
                <c:pt idx="69">
                  <c:v>426.54817426023078</c:v>
                </c:pt>
                <c:pt idx="70">
                  <c:v>425.56711345943228</c:v>
                </c:pt>
                <c:pt idx="71">
                  <c:v>424.58830909847563</c:v>
                </c:pt>
                <c:pt idx="72">
                  <c:v>423.61175598754915</c:v>
                </c:pt>
                <c:pt idx="73">
                  <c:v>422.63744894877777</c:v>
                </c:pt>
                <c:pt idx="74">
                  <c:v>421.66538281619557</c:v>
                </c:pt>
                <c:pt idx="75">
                  <c:v>420.69555243571835</c:v>
                </c:pt>
                <c:pt idx="76">
                  <c:v>419.72795266511628</c:v>
                </c:pt>
                <c:pt idx="77">
                  <c:v>418.76257837398651</c:v>
                </c:pt>
                <c:pt idx="78">
                  <c:v>417.79942444372637</c:v>
                </c:pt>
                <c:pt idx="79">
                  <c:v>416.8384857675058</c:v>
                </c:pt>
                <c:pt idx="80">
                  <c:v>415.87975725024052</c:v>
                </c:pt>
                <c:pt idx="81">
                  <c:v>414.92323380856499</c:v>
                </c:pt>
                <c:pt idx="82">
                  <c:v>413.96891037080536</c:v>
                </c:pt>
                <c:pt idx="83">
                  <c:v>413.01678187695251</c:v>
                </c:pt>
                <c:pt idx="84">
                  <c:v>412.06684327863553</c:v>
                </c:pt>
                <c:pt idx="85">
                  <c:v>411.11908953909472</c:v>
                </c:pt>
                <c:pt idx="86">
                  <c:v>410.17351563315475</c:v>
                </c:pt>
                <c:pt idx="87">
                  <c:v>409.23011654719852</c:v>
                </c:pt>
                <c:pt idx="88">
                  <c:v>408.28888727914</c:v>
                </c:pt>
                <c:pt idx="89">
                  <c:v>407.34982283839798</c:v>
                </c:pt>
                <c:pt idx="90">
                  <c:v>406.41291824586966</c:v>
                </c:pt>
                <c:pt idx="91">
                  <c:v>405.47816853390418</c:v>
                </c:pt>
                <c:pt idx="92">
                  <c:v>404.54556874627622</c:v>
                </c:pt>
                <c:pt idx="93">
                  <c:v>403.61511393815982</c:v>
                </c:pt>
                <c:pt idx="94">
                  <c:v>402.68679917610211</c:v>
                </c:pt>
                <c:pt idx="95">
                  <c:v>401.760619537997</c:v>
                </c:pt>
                <c:pt idx="96">
                  <c:v>400.83657011305968</c:v>
                </c:pt>
                <c:pt idx="97">
                  <c:v>399.91464600179967</c:v>
                </c:pt>
                <c:pt idx="98">
                  <c:v>398.99484231599558</c:v>
                </c:pt>
                <c:pt idx="99">
                  <c:v>398.07715417866876</c:v>
                </c:pt>
                <c:pt idx="100">
                  <c:v>397.16157672405785</c:v>
                </c:pt>
                <c:pt idx="101">
                  <c:v>396.24810509759254</c:v>
                </c:pt>
                <c:pt idx="102">
                  <c:v>395.33673445586811</c:v>
                </c:pt>
                <c:pt idx="103">
                  <c:v>394.42745996661967</c:v>
                </c:pt>
                <c:pt idx="104">
                  <c:v>393.52027680869639</c:v>
                </c:pt>
                <c:pt idx="105">
                  <c:v>392.61518017203639</c:v>
                </c:pt>
                <c:pt idx="106">
                  <c:v>391.71216525764066</c:v>
                </c:pt>
                <c:pt idx="107">
                  <c:v>390.81122727754814</c:v>
                </c:pt>
                <c:pt idx="108">
                  <c:v>389.91236145480985</c:v>
                </c:pt>
                <c:pt idx="109">
                  <c:v>389.01556302346381</c:v>
                </c:pt>
                <c:pt idx="110">
                  <c:v>388.12082722850988</c:v>
                </c:pt>
                <c:pt idx="111">
                  <c:v>387.22814932588432</c:v>
                </c:pt>
                <c:pt idx="112">
                  <c:v>386.33752458243475</c:v>
                </c:pt>
                <c:pt idx="113">
                  <c:v>385.44894827589513</c:v>
                </c:pt>
                <c:pt idx="114">
                  <c:v>384.56241569486065</c:v>
                </c:pt>
                <c:pt idx="115">
                  <c:v>383.67792213876248</c:v>
                </c:pt>
                <c:pt idx="116">
                  <c:v>382.79546291784334</c:v>
                </c:pt>
                <c:pt idx="117">
                  <c:v>381.91503335313234</c:v>
                </c:pt>
                <c:pt idx="118">
                  <c:v>381.03662877642012</c:v>
                </c:pt>
                <c:pt idx="119">
                  <c:v>380.16024453023437</c:v>
                </c:pt>
                <c:pt idx="120">
                  <c:v>379.28587596781489</c:v>
                </c:pt>
                <c:pt idx="121">
                  <c:v>378.4135184530889</c:v>
                </c:pt>
                <c:pt idx="122">
                  <c:v>377.54316736064681</c:v>
                </c:pt>
                <c:pt idx="123">
                  <c:v>376.67481807571733</c:v>
                </c:pt>
                <c:pt idx="124">
                  <c:v>375.80846599414321</c:v>
                </c:pt>
                <c:pt idx="125">
                  <c:v>374.94410652235666</c:v>
                </c:pt>
                <c:pt idx="126">
                  <c:v>374.08173507735529</c:v>
                </c:pt>
                <c:pt idx="127">
                  <c:v>373.22134708667738</c:v>
                </c:pt>
                <c:pt idx="128">
                  <c:v>372.36293798837806</c:v>
                </c:pt>
                <c:pt idx="129">
                  <c:v>371.50650323100484</c:v>
                </c:pt>
                <c:pt idx="130">
                  <c:v>370.65203827357351</c:v>
                </c:pt>
                <c:pt idx="131">
                  <c:v>369.79953858554433</c:v>
                </c:pt>
                <c:pt idx="132">
                  <c:v>368.94899964679757</c:v>
                </c:pt>
                <c:pt idx="133">
                  <c:v>368.10041694760992</c:v>
                </c:pt>
                <c:pt idx="134">
                  <c:v>367.25378598863045</c:v>
                </c:pt>
                <c:pt idx="135">
                  <c:v>366.40910228085659</c:v>
                </c:pt>
                <c:pt idx="136">
                  <c:v>365.56636134561063</c:v>
                </c:pt>
                <c:pt idx="137">
                  <c:v>364.72555871451578</c:v>
                </c:pt>
                <c:pt idx="138">
                  <c:v>363.88668992947237</c:v>
                </c:pt>
                <c:pt idx="139">
                  <c:v>363.04975054263463</c:v>
                </c:pt>
                <c:pt idx="140">
                  <c:v>362.21473611638663</c:v>
                </c:pt>
                <c:pt idx="141">
                  <c:v>361.38164222331892</c:v>
                </c:pt>
                <c:pt idx="142">
                  <c:v>360.5504644462053</c:v>
                </c:pt>
                <c:pt idx="143">
                  <c:v>359.72119837797908</c:v>
                </c:pt>
                <c:pt idx="144">
                  <c:v>358.89383962170967</c:v>
                </c:pt>
                <c:pt idx="145">
                  <c:v>358.06838379057973</c:v>
                </c:pt>
                <c:pt idx="146">
                  <c:v>357.24482650786149</c:v>
                </c:pt>
                <c:pt idx="147">
                  <c:v>356.42316340689342</c:v>
                </c:pt>
                <c:pt idx="148">
                  <c:v>355.60339013105755</c:v>
                </c:pt>
                <c:pt idx="149">
                  <c:v>354.78550233375614</c:v>
                </c:pt>
                <c:pt idx="150">
                  <c:v>353.96949567838851</c:v>
                </c:pt>
                <c:pt idx="151">
                  <c:v>353.15536583832824</c:v>
                </c:pt>
                <c:pt idx="152">
                  <c:v>352.34310849690007</c:v>
                </c:pt>
                <c:pt idx="153">
                  <c:v>351.53271934735727</c:v>
                </c:pt>
                <c:pt idx="154">
                  <c:v>350.72419409285834</c:v>
                </c:pt>
                <c:pt idx="155">
                  <c:v>349.91752844644475</c:v>
                </c:pt>
                <c:pt idx="156">
                  <c:v>349.11271813101797</c:v>
                </c:pt>
                <c:pt idx="157">
                  <c:v>348.30975887931663</c:v>
                </c:pt>
                <c:pt idx="158">
                  <c:v>347.50864643389423</c:v>
                </c:pt>
                <c:pt idx="159">
                  <c:v>346.70937654709627</c:v>
                </c:pt>
                <c:pt idx="160">
                  <c:v>345.911944981038</c:v>
                </c:pt>
                <c:pt idx="161">
                  <c:v>345.11634750758162</c:v>
                </c:pt>
                <c:pt idx="162">
                  <c:v>344.3225799083142</c:v>
                </c:pt>
                <c:pt idx="163">
                  <c:v>343.53063797452512</c:v>
                </c:pt>
                <c:pt idx="164">
                  <c:v>342.74051750718371</c:v>
                </c:pt>
                <c:pt idx="165">
                  <c:v>341.95221431691721</c:v>
                </c:pt>
                <c:pt idx="166">
                  <c:v>341.16572422398826</c:v>
                </c:pt>
                <c:pt idx="167">
                  <c:v>340.38104305827318</c:v>
                </c:pt>
                <c:pt idx="168">
                  <c:v>339.5981666592391</c:v>
                </c:pt>
                <c:pt idx="169">
                  <c:v>338.81709087592287</c:v>
                </c:pt>
                <c:pt idx="170">
                  <c:v>338.03781156690826</c:v>
                </c:pt>
                <c:pt idx="171">
                  <c:v>337.26032460030439</c:v>
                </c:pt>
                <c:pt idx="172">
                  <c:v>336.48462585372368</c:v>
                </c:pt>
                <c:pt idx="173">
                  <c:v>335.71071121426019</c:v>
                </c:pt>
                <c:pt idx="174">
                  <c:v>334.93857657846735</c:v>
                </c:pt>
                <c:pt idx="175">
                  <c:v>334.16821785233697</c:v>
                </c:pt>
                <c:pt idx="176">
                  <c:v>333.39963095127655</c:v>
                </c:pt>
                <c:pt idx="177">
                  <c:v>332.63281180008863</c:v>
                </c:pt>
                <c:pt idx="178">
                  <c:v>331.86775633294849</c:v>
                </c:pt>
                <c:pt idx="179">
                  <c:v>331.10446049338265</c:v>
                </c:pt>
                <c:pt idx="180">
                  <c:v>330.34292023424786</c:v>
                </c:pt>
                <c:pt idx="181">
                  <c:v>329.58313151770921</c:v>
                </c:pt>
                <c:pt idx="182">
                  <c:v>328.82509031521846</c:v>
                </c:pt>
                <c:pt idx="183">
                  <c:v>328.06879260749344</c:v>
                </c:pt>
                <c:pt idx="184">
                  <c:v>327.31423438449622</c:v>
                </c:pt>
                <c:pt idx="185">
                  <c:v>326.56141164541191</c:v>
                </c:pt>
                <c:pt idx="186">
                  <c:v>325.81032039862743</c:v>
                </c:pt>
                <c:pt idx="187">
                  <c:v>325.06095666171063</c:v>
                </c:pt>
                <c:pt idx="188">
                  <c:v>324.31331646138869</c:v>
                </c:pt>
                <c:pt idx="189">
                  <c:v>323.56739583352748</c:v>
                </c:pt>
                <c:pt idx="190">
                  <c:v>322.82319082311045</c:v>
                </c:pt>
                <c:pt idx="191">
                  <c:v>322.0806974842173</c:v>
                </c:pt>
                <c:pt idx="192">
                  <c:v>321.33991188000363</c:v>
                </c:pt>
                <c:pt idx="193">
                  <c:v>320.60083008267964</c:v>
                </c:pt>
                <c:pt idx="194">
                  <c:v>319.86344817348947</c:v>
                </c:pt>
                <c:pt idx="195">
                  <c:v>319.12776224269049</c:v>
                </c:pt>
                <c:pt idx="196">
                  <c:v>318.39376838953228</c:v>
                </c:pt>
                <c:pt idx="197">
                  <c:v>317.66146272223637</c:v>
                </c:pt>
                <c:pt idx="198">
                  <c:v>316.93084135797523</c:v>
                </c:pt>
                <c:pt idx="199">
                  <c:v>316.20190042285196</c:v>
                </c:pt>
                <c:pt idx="200">
                  <c:v>315.47463605187937</c:v>
                </c:pt>
                <c:pt idx="201">
                  <c:v>314.74904438896004</c:v>
                </c:pt>
                <c:pt idx="202">
                  <c:v>314.02512158686545</c:v>
                </c:pt>
                <c:pt idx="203">
                  <c:v>313.30286380721572</c:v>
                </c:pt>
                <c:pt idx="204">
                  <c:v>312.58226722045913</c:v>
                </c:pt>
                <c:pt idx="205">
                  <c:v>311.86332800585211</c:v>
                </c:pt>
                <c:pt idx="206">
                  <c:v>311.14604235143867</c:v>
                </c:pt>
                <c:pt idx="207">
                  <c:v>310.43040645403033</c:v>
                </c:pt>
                <c:pt idx="208">
                  <c:v>309.716416519186</c:v>
                </c:pt>
                <c:pt idx="209">
                  <c:v>309.00406876119195</c:v>
                </c:pt>
                <c:pt idx="210">
                  <c:v>308.29335940304128</c:v>
                </c:pt>
                <c:pt idx="211">
                  <c:v>307.58428467641426</c:v>
                </c:pt>
                <c:pt idx="212">
                  <c:v>306.8768408216585</c:v>
                </c:pt>
                <c:pt idx="213">
                  <c:v>306.17102408776873</c:v>
                </c:pt>
                <c:pt idx="214">
                  <c:v>305.46683073236682</c:v>
                </c:pt>
                <c:pt idx="215">
                  <c:v>304.7642570216824</c:v>
                </c:pt>
                <c:pt idx="216">
                  <c:v>304.06329923053255</c:v>
                </c:pt>
                <c:pt idx="217">
                  <c:v>303.36395364230236</c:v>
                </c:pt>
                <c:pt idx="218">
                  <c:v>302.66621654892504</c:v>
                </c:pt>
                <c:pt idx="219">
                  <c:v>301.9700842508625</c:v>
                </c:pt>
                <c:pt idx="220">
                  <c:v>301.27555305708557</c:v>
                </c:pt>
                <c:pt idx="221">
                  <c:v>300.58261928505425</c:v>
                </c:pt>
                <c:pt idx="222">
                  <c:v>299.8912792606987</c:v>
                </c:pt>
                <c:pt idx="223">
                  <c:v>299.20152931839903</c:v>
                </c:pt>
                <c:pt idx="224">
                  <c:v>298.51336580096677</c:v>
                </c:pt>
                <c:pt idx="225">
                  <c:v>297.82678505962457</c:v>
                </c:pt>
                <c:pt idx="226">
                  <c:v>297.1417834539875</c:v>
                </c:pt>
                <c:pt idx="227">
                  <c:v>296.45835735204327</c:v>
                </c:pt>
                <c:pt idx="228">
                  <c:v>295.77650313013362</c:v>
                </c:pt>
                <c:pt idx="229">
                  <c:v>295.0962171729343</c:v>
                </c:pt>
                <c:pt idx="230">
                  <c:v>294.41749587343656</c:v>
                </c:pt>
                <c:pt idx="231">
                  <c:v>293.74033563292772</c:v>
                </c:pt>
                <c:pt idx="232">
                  <c:v>293.06473286097196</c:v>
                </c:pt>
                <c:pt idx="233">
                  <c:v>292.39068397539177</c:v>
                </c:pt>
                <c:pt idx="234">
                  <c:v>291.71818540224831</c:v>
                </c:pt>
                <c:pt idx="235">
                  <c:v>291.0472335758231</c:v>
                </c:pt>
                <c:pt idx="236">
                  <c:v>290.37782493859879</c:v>
                </c:pt>
                <c:pt idx="237">
                  <c:v>289.70995594124003</c:v>
                </c:pt>
                <c:pt idx="238">
                  <c:v>289.04362304257523</c:v>
                </c:pt>
                <c:pt idx="239">
                  <c:v>288.37882270957732</c:v>
                </c:pt>
                <c:pt idx="240">
                  <c:v>287.7155514173453</c:v>
                </c:pt>
                <c:pt idx="241">
                  <c:v>287.0538056490854</c:v>
                </c:pt>
                <c:pt idx="242">
                  <c:v>286.39358189609254</c:v>
                </c:pt>
                <c:pt idx="243">
                  <c:v>285.73487665773149</c:v>
                </c:pt>
                <c:pt idx="244">
                  <c:v>285.07768644141873</c:v>
                </c:pt>
                <c:pt idx="245">
                  <c:v>284.42200776260353</c:v>
                </c:pt>
                <c:pt idx="246">
                  <c:v>283.76783714474954</c:v>
                </c:pt>
                <c:pt idx="247">
                  <c:v>283.11517111931659</c:v>
                </c:pt>
                <c:pt idx="248">
                  <c:v>282.4640062257422</c:v>
                </c:pt>
                <c:pt idx="249">
                  <c:v>281.81433901142299</c:v>
                </c:pt>
                <c:pt idx="250">
                  <c:v>281.16616603169672</c:v>
                </c:pt>
                <c:pt idx="251">
                  <c:v>280.51948384982381</c:v>
                </c:pt>
                <c:pt idx="252">
                  <c:v>279.87428903696929</c:v>
                </c:pt>
                <c:pt idx="253">
                  <c:v>279.23057817218421</c:v>
                </c:pt>
                <c:pt idx="254">
                  <c:v>278.5883478423882</c:v>
                </c:pt>
                <c:pt idx="255">
                  <c:v>277.94759464235074</c:v>
                </c:pt>
                <c:pt idx="256">
                  <c:v>277.30831517467334</c:v>
                </c:pt>
                <c:pt idx="257">
                  <c:v>276.67050604977163</c:v>
                </c:pt>
                <c:pt idx="258">
                  <c:v>276.03416388585714</c:v>
                </c:pt>
                <c:pt idx="259">
                  <c:v>275.39928530891973</c:v>
                </c:pt>
                <c:pt idx="260">
                  <c:v>274.76586695270919</c:v>
                </c:pt>
                <c:pt idx="261">
                  <c:v>274.13390545871795</c:v>
                </c:pt>
                <c:pt idx="262">
                  <c:v>273.50339747616295</c:v>
                </c:pt>
                <c:pt idx="263">
                  <c:v>272.87433966196778</c:v>
                </c:pt>
                <c:pt idx="264">
                  <c:v>272.24672868074521</c:v>
                </c:pt>
                <c:pt idx="265">
                  <c:v>271.62056120477956</c:v>
                </c:pt>
                <c:pt idx="266">
                  <c:v>270.99583391400853</c:v>
                </c:pt>
                <c:pt idx="267">
                  <c:v>270.37254349600636</c:v>
                </c:pt>
                <c:pt idx="268">
                  <c:v>269.75068664596557</c:v>
                </c:pt>
                <c:pt idx="269">
                  <c:v>269.13026006667985</c:v>
                </c:pt>
                <c:pt idx="270">
                  <c:v>268.51126046852653</c:v>
                </c:pt>
                <c:pt idx="271">
                  <c:v>267.89368456944891</c:v>
                </c:pt>
                <c:pt idx="272">
                  <c:v>267.27752909493915</c:v>
                </c:pt>
                <c:pt idx="273">
                  <c:v>266.66279077802079</c:v>
                </c:pt>
                <c:pt idx="274">
                  <c:v>266.04946635923136</c:v>
                </c:pt>
                <c:pt idx="275">
                  <c:v>265.43755258660519</c:v>
                </c:pt>
                <c:pt idx="276">
                  <c:v>264.82704621565603</c:v>
                </c:pt>
                <c:pt idx="277">
                  <c:v>264.21794400936</c:v>
                </c:pt>
                <c:pt idx="278">
                  <c:v>263.61024273813848</c:v>
                </c:pt>
                <c:pt idx="279">
                  <c:v>263.00393917984076</c:v>
                </c:pt>
                <c:pt idx="280">
                  <c:v>262.39903011972717</c:v>
                </c:pt>
                <c:pt idx="281">
                  <c:v>261.79551235045176</c:v>
                </c:pt>
                <c:pt idx="282">
                  <c:v>261.19338267204574</c:v>
                </c:pt>
                <c:pt idx="283">
                  <c:v>260.5926378919001</c:v>
                </c:pt>
                <c:pt idx="284">
                  <c:v>259.99327482474871</c:v>
                </c:pt>
                <c:pt idx="285">
                  <c:v>259.39529029265179</c:v>
                </c:pt>
                <c:pt idx="286">
                  <c:v>258.79868112497871</c:v>
                </c:pt>
                <c:pt idx="287">
                  <c:v>258.20344415839122</c:v>
                </c:pt>
                <c:pt idx="288">
                  <c:v>257.60957623682697</c:v>
                </c:pt>
                <c:pt idx="289">
                  <c:v>257.01707421148228</c:v>
                </c:pt>
                <c:pt idx="290">
                  <c:v>256.42593494079591</c:v>
                </c:pt>
                <c:pt idx="291">
                  <c:v>255.83615529043209</c:v>
                </c:pt>
                <c:pt idx="292">
                  <c:v>255.24773213326407</c:v>
                </c:pt>
                <c:pt idx="293">
                  <c:v>254.66066234935758</c:v>
                </c:pt>
                <c:pt idx="294">
                  <c:v>254.07494282595411</c:v>
                </c:pt>
                <c:pt idx="295">
                  <c:v>253.49057045745442</c:v>
                </c:pt>
                <c:pt idx="296">
                  <c:v>252.90754214540223</c:v>
                </c:pt>
                <c:pt idx="297">
                  <c:v>252.32585479846787</c:v>
                </c:pt>
                <c:pt idx="298">
                  <c:v>251.74550533243135</c:v>
                </c:pt>
                <c:pt idx="299">
                  <c:v>251.16649067016678</c:v>
                </c:pt>
                <c:pt idx="300">
                  <c:v>250.58880774162546</c:v>
                </c:pt>
                <c:pt idx="301">
                  <c:v>250.01245348381974</c:v>
                </c:pt>
                <c:pt idx="302">
                  <c:v>249.43742484080695</c:v>
                </c:pt>
                <c:pt idx="303">
                  <c:v>248.86371876367312</c:v>
                </c:pt>
                <c:pt idx="304">
                  <c:v>248.29133221051663</c:v>
                </c:pt>
                <c:pt idx="305">
                  <c:v>247.72026214643245</c:v>
                </c:pt>
                <c:pt idx="306">
                  <c:v>247.15050554349568</c:v>
                </c:pt>
                <c:pt idx="307">
                  <c:v>246.58205938074565</c:v>
                </c:pt>
                <c:pt idx="308">
                  <c:v>246.01492064416993</c:v>
                </c:pt>
                <c:pt idx="309">
                  <c:v>245.44908632668839</c:v>
                </c:pt>
                <c:pt idx="310">
                  <c:v>244.88455342813697</c:v>
                </c:pt>
                <c:pt idx="311">
                  <c:v>244.32131895525231</c:v>
                </c:pt>
                <c:pt idx="312">
                  <c:v>243.75937992165521</c:v>
                </c:pt>
                <c:pt idx="313">
                  <c:v>243.19873334783543</c:v>
                </c:pt>
                <c:pt idx="314">
                  <c:v>242.6393762611354</c:v>
                </c:pt>
                <c:pt idx="315">
                  <c:v>242.08130569573481</c:v>
                </c:pt>
                <c:pt idx="316">
                  <c:v>241.52451869263462</c:v>
                </c:pt>
                <c:pt idx="317">
                  <c:v>240.96901229964158</c:v>
                </c:pt>
                <c:pt idx="318">
                  <c:v>240.41478357135244</c:v>
                </c:pt>
                <c:pt idx="319">
                  <c:v>239.86182956913831</c:v>
                </c:pt>
                <c:pt idx="320">
                  <c:v>239.31014736112931</c:v>
                </c:pt>
                <c:pt idx="321">
                  <c:v>238.75973402219873</c:v>
                </c:pt>
                <c:pt idx="322">
                  <c:v>238.21058663394768</c:v>
                </c:pt>
                <c:pt idx="323">
                  <c:v>237.66270228468963</c:v>
                </c:pt>
                <c:pt idx="324">
                  <c:v>237.11607806943482</c:v>
                </c:pt>
                <c:pt idx="325">
                  <c:v>236.57071108987515</c:v>
                </c:pt>
                <c:pt idx="326">
                  <c:v>236.02659845436844</c:v>
                </c:pt>
                <c:pt idx="327">
                  <c:v>235.48373727792341</c:v>
                </c:pt>
                <c:pt idx="328">
                  <c:v>234.94212468218419</c:v>
                </c:pt>
                <c:pt idx="329">
                  <c:v>234.40175779541516</c:v>
                </c:pt>
                <c:pt idx="330">
                  <c:v>233.86263375248572</c:v>
                </c:pt>
                <c:pt idx="331">
                  <c:v>233.32474969485503</c:v>
                </c:pt>
                <c:pt idx="332">
                  <c:v>232.78810277055686</c:v>
                </c:pt>
                <c:pt idx="333">
                  <c:v>232.25269013418463</c:v>
                </c:pt>
                <c:pt idx="334">
                  <c:v>231.718508946876</c:v>
                </c:pt>
                <c:pt idx="335">
                  <c:v>231.18555637629819</c:v>
                </c:pt>
                <c:pt idx="336">
                  <c:v>230.6538295966327</c:v>
                </c:pt>
                <c:pt idx="337">
                  <c:v>230.12332578856046</c:v>
                </c:pt>
                <c:pt idx="338">
                  <c:v>229.5940421392468</c:v>
                </c:pt>
                <c:pt idx="339">
                  <c:v>229.06597584232651</c:v>
                </c:pt>
                <c:pt idx="340">
                  <c:v>228.53912409788919</c:v>
                </c:pt>
                <c:pt idx="341">
                  <c:v>228.01348411246406</c:v>
                </c:pt>
                <c:pt idx="342">
                  <c:v>227.48905309900536</c:v>
                </c:pt>
                <c:pt idx="343">
                  <c:v>226.96582827687769</c:v>
                </c:pt>
                <c:pt idx="344">
                  <c:v>226.44380687184088</c:v>
                </c:pt>
                <c:pt idx="345">
                  <c:v>225.92298611603564</c:v>
                </c:pt>
                <c:pt idx="346">
                  <c:v>225.40336324796877</c:v>
                </c:pt>
                <c:pt idx="347">
                  <c:v>224.88493551249843</c:v>
                </c:pt>
                <c:pt idx="348">
                  <c:v>224.36770016081971</c:v>
                </c:pt>
                <c:pt idx="349">
                  <c:v>223.85165445044981</c:v>
                </c:pt>
                <c:pt idx="350">
                  <c:v>223.33679564521384</c:v>
                </c:pt>
                <c:pt idx="351">
                  <c:v>222.82312101522984</c:v>
                </c:pt>
                <c:pt idx="352">
                  <c:v>222.31062783689481</c:v>
                </c:pt>
                <c:pt idx="353">
                  <c:v>221.79931339286995</c:v>
                </c:pt>
                <c:pt idx="354">
                  <c:v>221.28917497206641</c:v>
                </c:pt>
                <c:pt idx="355">
                  <c:v>220.78020986963065</c:v>
                </c:pt>
                <c:pt idx="356">
                  <c:v>220.27241538693048</c:v>
                </c:pt>
                <c:pt idx="357">
                  <c:v>219.76578883154059</c:v>
                </c:pt>
                <c:pt idx="358">
                  <c:v>219.26032751722803</c:v>
                </c:pt>
                <c:pt idx="359">
                  <c:v>218.75602876393845</c:v>
                </c:pt>
                <c:pt idx="360">
                  <c:v>218.25288989778136</c:v>
                </c:pt>
                <c:pt idx="361">
                  <c:v>217.75090825101648</c:v>
                </c:pt>
                <c:pt idx="362">
                  <c:v>217.25008116203912</c:v>
                </c:pt>
                <c:pt idx="363">
                  <c:v>216.75040597536645</c:v>
                </c:pt>
                <c:pt idx="364">
                  <c:v>216.25188004162314</c:v>
                </c:pt>
                <c:pt idx="365">
                  <c:v>215.75450071752741</c:v>
                </c:pt>
                <c:pt idx="366">
                  <c:v>215.25826536587715</c:v>
                </c:pt>
                <c:pt idx="367">
                  <c:v>214.76317135553563</c:v>
                </c:pt>
                <c:pt idx="368">
                  <c:v>214.26921606141786</c:v>
                </c:pt>
                <c:pt idx="369">
                  <c:v>213.7763968644766</c:v>
                </c:pt>
                <c:pt idx="370">
                  <c:v>213.28471115168836</c:v>
                </c:pt>
                <c:pt idx="371">
                  <c:v>212.79415631603948</c:v>
                </c:pt>
                <c:pt idx="372">
                  <c:v>212.30472975651259</c:v>
                </c:pt>
                <c:pt idx="373">
                  <c:v>211.81642887807263</c:v>
                </c:pt>
                <c:pt idx="374">
                  <c:v>211.32925109165308</c:v>
                </c:pt>
                <c:pt idx="375">
                  <c:v>210.84319381414227</c:v>
                </c:pt>
                <c:pt idx="376">
                  <c:v>210.35825446836975</c:v>
                </c:pt>
                <c:pt idx="377">
                  <c:v>209.87443048309251</c:v>
                </c:pt>
                <c:pt idx="378">
                  <c:v>209.39171929298141</c:v>
                </c:pt>
                <c:pt idx="379">
                  <c:v>208.91011833860753</c:v>
                </c:pt>
                <c:pt idx="380">
                  <c:v>208.42962506642877</c:v>
                </c:pt>
                <c:pt idx="381">
                  <c:v>207.95023692877595</c:v>
                </c:pt>
                <c:pt idx="382">
                  <c:v>207.47195138383981</c:v>
                </c:pt>
                <c:pt idx="383">
                  <c:v>206.99476589565697</c:v>
                </c:pt>
                <c:pt idx="384">
                  <c:v>206.51867793409698</c:v>
                </c:pt>
                <c:pt idx="385">
                  <c:v>206.04368497484856</c:v>
                </c:pt>
                <c:pt idx="386">
                  <c:v>205.56978449940644</c:v>
                </c:pt>
                <c:pt idx="387">
                  <c:v>205.09697399505779</c:v>
                </c:pt>
                <c:pt idx="388">
                  <c:v>204.62525095486916</c:v>
                </c:pt>
                <c:pt idx="389">
                  <c:v>204.15461287767297</c:v>
                </c:pt>
                <c:pt idx="390">
                  <c:v>203.68505726805435</c:v>
                </c:pt>
                <c:pt idx="391">
                  <c:v>203.21658163633782</c:v>
                </c:pt>
                <c:pt idx="392">
                  <c:v>202.74918349857427</c:v>
                </c:pt>
                <c:pt idx="393">
                  <c:v>202.28286037652754</c:v>
                </c:pt>
                <c:pt idx="394">
                  <c:v>201.81760979766153</c:v>
                </c:pt>
                <c:pt idx="395">
                  <c:v>201.35342929512692</c:v>
                </c:pt>
                <c:pt idx="396">
                  <c:v>200.89031640774814</c:v>
                </c:pt>
                <c:pt idx="397">
                  <c:v>200.42826868001035</c:v>
                </c:pt>
                <c:pt idx="398">
                  <c:v>199.96728366204633</c:v>
                </c:pt>
                <c:pt idx="399">
                  <c:v>199.50735890962363</c:v>
                </c:pt>
                <c:pt idx="400">
                  <c:v>199.04849198413149</c:v>
                </c:pt>
                <c:pt idx="401">
                  <c:v>198.59068045256797</c:v>
                </c:pt>
                <c:pt idx="402">
                  <c:v>198.13392188752712</c:v>
                </c:pt>
                <c:pt idx="403">
                  <c:v>197.67821386718578</c:v>
                </c:pt>
                <c:pt idx="404">
                  <c:v>197.22355397529128</c:v>
                </c:pt>
                <c:pt idx="405">
                  <c:v>196.76993980114813</c:v>
                </c:pt>
                <c:pt idx="406">
                  <c:v>196.3173689396055</c:v>
                </c:pt>
                <c:pt idx="407">
                  <c:v>195.8658389910444</c:v>
                </c:pt>
                <c:pt idx="408">
                  <c:v>195.415347561365</c:v>
                </c:pt>
                <c:pt idx="409">
                  <c:v>194.96589226197389</c:v>
                </c:pt>
                <c:pt idx="410">
                  <c:v>194.51747070977132</c:v>
                </c:pt>
                <c:pt idx="411">
                  <c:v>194.07008052713886</c:v>
                </c:pt>
                <c:pt idx="412">
                  <c:v>193.62371934192646</c:v>
                </c:pt>
                <c:pt idx="413">
                  <c:v>193.17838478744005</c:v>
                </c:pt>
                <c:pt idx="414">
                  <c:v>192.73407450242894</c:v>
                </c:pt>
                <c:pt idx="415">
                  <c:v>192.29078613107336</c:v>
                </c:pt>
                <c:pt idx="416">
                  <c:v>191.84851732297193</c:v>
                </c:pt>
                <c:pt idx="417">
                  <c:v>191.40726573312907</c:v>
                </c:pt>
                <c:pt idx="418">
                  <c:v>190.96702902194289</c:v>
                </c:pt>
                <c:pt idx="419">
                  <c:v>190.52780485519244</c:v>
                </c:pt>
                <c:pt idx="420">
                  <c:v>190.0895909040255</c:v>
                </c:pt>
                <c:pt idx="421">
                  <c:v>189.65238484494625</c:v>
                </c:pt>
                <c:pt idx="422">
                  <c:v>189.21618435980287</c:v>
                </c:pt>
                <c:pt idx="423">
                  <c:v>188.78098713577535</c:v>
                </c:pt>
                <c:pt idx="424">
                  <c:v>188.34679086536303</c:v>
                </c:pt>
                <c:pt idx="425">
                  <c:v>187.91359324637276</c:v>
                </c:pt>
                <c:pt idx="426">
                  <c:v>187.48139198190609</c:v>
                </c:pt>
                <c:pt idx="427">
                  <c:v>187.05018478034768</c:v>
                </c:pt>
                <c:pt idx="428">
                  <c:v>186.61996935535291</c:v>
                </c:pt>
                <c:pt idx="429">
                  <c:v>186.19074342583562</c:v>
                </c:pt>
                <c:pt idx="430">
                  <c:v>185.7625047159562</c:v>
                </c:pt>
                <c:pt idx="431">
                  <c:v>185.33525095510953</c:v>
                </c:pt>
                <c:pt idx="432">
                  <c:v>184.90897987791277</c:v>
                </c:pt>
                <c:pt idx="433">
                  <c:v>184.4836892241936</c:v>
                </c:pt>
                <c:pt idx="434">
                  <c:v>184.05937673897793</c:v>
                </c:pt>
                <c:pt idx="435">
                  <c:v>183.63604017247829</c:v>
                </c:pt>
                <c:pt idx="436">
                  <c:v>183.21367728008158</c:v>
                </c:pt>
                <c:pt idx="437">
                  <c:v>182.79228582233745</c:v>
                </c:pt>
                <c:pt idx="438">
                  <c:v>182.37186356494607</c:v>
                </c:pt>
                <c:pt idx="439">
                  <c:v>181.95240827874667</c:v>
                </c:pt>
                <c:pt idx="440">
                  <c:v>181.53391773970557</c:v>
                </c:pt>
                <c:pt idx="441">
                  <c:v>181.11638972890427</c:v>
                </c:pt>
                <c:pt idx="442">
                  <c:v>180.69982203252778</c:v>
                </c:pt>
                <c:pt idx="443">
                  <c:v>180.28421244185299</c:v>
                </c:pt>
                <c:pt idx="444">
                  <c:v>179.86955875323673</c:v>
                </c:pt>
                <c:pt idx="445">
                  <c:v>179.45585876810426</c:v>
                </c:pt>
                <c:pt idx="446">
                  <c:v>179.04311029293768</c:v>
                </c:pt>
                <c:pt idx="447">
                  <c:v>178.63131113926391</c:v>
                </c:pt>
                <c:pt idx="448">
                  <c:v>178.22045912364359</c:v>
                </c:pt>
                <c:pt idx="449">
                  <c:v>177.81055206765924</c:v>
                </c:pt>
                <c:pt idx="450">
                  <c:v>177.40158779790363</c:v>
                </c:pt>
                <c:pt idx="451">
                  <c:v>176.99356414596849</c:v>
                </c:pt>
                <c:pt idx="452">
                  <c:v>176.58647894843273</c:v>
                </c:pt>
                <c:pt idx="453">
                  <c:v>176.18033004685134</c:v>
                </c:pt>
                <c:pt idx="454">
                  <c:v>175.77511528774357</c:v>
                </c:pt>
                <c:pt idx="455">
                  <c:v>175.37083252258182</c:v>
                </c:pt>
                <c:pt idx="456">
                  <c:v>174.96747960777986</c:v>
                </c:pt>
                <c:pt idx="457">
                  <c:v>174.56505440468197</c:v>
                </c:pt>
                <c:pt idx="458">
                  <c:v>174.16355477955122</c:v>
                </c:pt>
                <c:pt idx="459">
                  <c:v>173.76297860355828</c:v>
                </c:pt>
                <c:pt idx="460">
                  <c:v>173.36332375277007</c:v>
                </c:pt>
                <c:pt idx="461">
                  <c:v>172.96458810813874</c:v>
                </c:pt>
                <c:pt idx="462">
                  <c:v>172.56676955549005</c:v>
                </c:pt>
                <c:pt idx="463">
                  <c:v>172.16986598551239</c:v>
                </c:pt>
                <c:pt idx="464">
                  <c:v>171.77387529374568</c:v>
                </c:pt>
                <c:pt idx="465">
                  <c:v>171.37879538057012</c:v>
                </c:pt>
                <c:pt idx="466">
                  <c:v>170.98462415119482</c:v>
                </c:pt>
                <c:pt idx="467">
                  <c:v>170.59135951564707</c:v>
                </c:pt>
                <c:pt idx="468">
                  <c:v>170.19899938876111</c:v>
                </c:pt>
                <c:pt idx="469">
                  <c:v>169.80754169016697</c:v>
                </c:pt>
                <c:pt idx="470">
                  <c:v>169.41698434427954</c:v>
                </c:pt>
                <c:pt idx="471">
                  <c:v>169.02732528028776</c:v>
                </c:pt>
                <c:pt idx="472">
                  <c:v>168.63856243214306</c:v>
                </c:pt>
                <c:pt idx="473">
                  <c:v>168.25069373854913</c:v>
                </c:pt>
                <c:pt idx="474">
                  <c:v>167.86371714295052</c:v>
                </c:pt>
                <c:pt idx="475">
                  <c:v>167.4776305935217</c:v>
                </c:pt>
                <c:pt idx="476">
                  <c:v>167.09243204315663</c:v>
                </c:pt>
                <c:pt idx="477">
                  <c:v>166.70811944945734</c:v>
                </c:pt>
                <c:pt idx="478">
                  <c:v>166.32469077472365</c:v>
                </c:pt>
                <c:pt idx="479">
                  <c:v>165.94214398594175</c:v>
                </c:pt>
                <c:pt idx="480">
                  <c:v>165.56047705477411</c:v>
                </c:pt>
                <c:pt idx="481">
                  <c:v>165.17968795754814</c:v>
                </c:pt>
                <c:pt idx="482">
                  <c:v>164.7997746752458</c:v>
                </c:pt>
                <c:pt idx="483">
                  <c:v>164.42073519349273</c:v>
                </c:pt>
                <c:pt idx="484">
                  <c:v>164.04256750254771</c:v>
                </c:pt>
                <c:pt idx="485">
                  <c:v>163.66526959729185</c:v>
                </c:pt>
                <c:pt idx="486">
                  <c:v>163.28883947721809</c:v>
                </c:pt>
                <c:pt idx="487">
                  <c:v>162.91327514642052</c:v>
                </c:pt>
                <c:pt idx="488">
                  <c:v>162.53857461358373</c:v>
                </c:pt>
                <c:pt idx="489">
                  <c:v>162.1647358919725</c:v>
                </c:pt>
                <c:pt idx="490">
                  <c:v>161.79175699942095</c:v>
                </c:pt>
                <c:pt idx="491">
                  <c:v>161.41963595832226</c:v>
                </c:pt>
                <c:pt idx="492">
                  <c:v>161.04837079561818</c:v>
                </c:pt>
                <c:pt idx="493">
                  <c:v>160.67795954278827</c:v>
                </c:pt>
                <c:pt idx="494">
                  <c:v>160.30840023583985</c:v>
                </c:pt>
                <c:pt idx="495">
                  <c:v>159.93969091529743</c:v>
                </c:pt>
                <c:pt idx="496">
                  <c:v>159.57182962619223</c:v>
                </c:pt>
                <c:pt idx="497">
                  <c:v>159.20481441805202</c:v>
                </c:pt>
                <c:pt idx="498">
                  <c:v>158.8386433448905</c:v>
                </c:pt>
                <c:pt idx="499">
                  <c:v>158.47331446519723</c:v>
                </c:pt>
                <c:pt idx="500">
                  <c:v>158.10882584192731</c:v>
                </c:pt>
                <c:pt idx="501">
                  <c:v>157.7451755424909</c:v>
                </c:pt>
                <c:pt idx="502">
                  <c:v>157.38236163874316</c:v>
                </c:pt>
                <c:pt idx="503">
                  <c:v>157.02038220697406</c:v>
                </c:pt>
                <c:pt idx="504">
                  <c:v>156.65923532789802</c:v>
                </c:pt>
                <c:pt idx="505">
                  <c:v>156.29891908664388</c:v>
                </c:pt>
                <c:pt idx="506">
                  <c:v>155.93943157274455</c:v>
                </c:pt>
                <c:pt idx="507">
                  <c:v>155.58077088012729</c:v>
                </c:pt>
                <c:pt idx="508">
                  <c:v>155.22293510710301</c:v>
                </c:pt>
                <c:pt idx="509">
                  <c:v>154.86592235635666</c:v>
                </c:pt>
                <c:pt idx="510">
                  <c:v>154.50973073493708</c:v>
                </c:pt>
                <c:pt idx="511">
                  <c:v>154.15435835424671</c:v>
                </c:pt>
                <c:pt idx="512">
                  <c:v>153.79980333003195</c:v>
                </c:pt>
                <c:pt idx="513">
                  <c:v>153.44606378237287</c:v>
                </c:pt>
                <c:pt idx="514">
                  <c:v>153.09313783567345</c:v>
                </c:pt>
                <c:pt idx="515">
                  <c:v>152.74102361865141</c:v>
                </c:pt>
                <c:pt idx="516">
                  <c:v>152.38971926432851</c:v>
                </c:pt>
                <c:pt idx="517">
                  <c:v>152.03922291002056</c:v>
                </c:pt>
                <c:pt idx="518">
                  <c:v>151.68953269732751</c:v>
                </c:pt>
                <c:pt idx="519">
                  <c:v>151.34064677212368</c:v>
                </c:pt>
                <c:pt idx="520">
                  <c:v>150.9925632845478</c:v>
                </c:pt>
                <c:pt idx="521">
                  <c:v>150.64528038899334</c:v>
                </c:pt>
                <c:pt idx="522">
                  <c:v>150.29879624409864</c:v>
                </c:pt>
                <c:pt idx="523">
                  <c:v>149.95310901273723</c:v>
                </c:pt>
                <c:pt idx="524">
                  <c:v>149.60821686200796</c:v>
                </c:pt>
                <c:pt idx="525">
                  <c:v>149.26411796322535</c:v>
                </c:pt>
                <c:pt idx="526">
                  <c:v>148.92081049190995</c:v>
                </c:pt>
                <c:pt idx="527">
                  <c:v>148.57829262777855</c:v>
                </c:pt>
                <c:pt idx="528">
                  <c:v>148.23656255473466</c:v>
                </c:pt>
                <c:pt idx="529">
                  <c:v>147.89561846085877</c:v>
                </c:pt>
                <c:pt idx="530">
                  <c:v>147.5554585383988</c:v>
                </c:pt>
                <c:pt idx="531">
                  <c:v>147.21608098376049</c:v>
                </c:pt>
                <c:pt idx="532">
                  <c:v>146.87748399749785</c:v>
                </c:pt>
                <c:pt idx="533">
                  <c:v>146.53966578430359</c:v>
                </c:pt>
                <c:pt idx="534">
                  <c:v>146.20262455299971</c:v>
                </c:pt>
                <c:pt idx="535">
                  <c:v>145.86635851652781</c:v>
                </c:pt>
                <c:pt idx="536">
                  <c:v>145.53086589193981</c:v>
                </c:pt>
                <c:pt idx="537">
                  <c:v>145.19614490038836</c:v>
                </c:pt>
                <c:pt idx="538">
                  <c:v>144.86219376711747</c:v>
                </c:pt>
                <c:pt idx="539">
                  <c:v>144.52901072145312</c:v>
                </c:pt>
                <c:pt idx="540">
                  <c:v>144.19659399679378</c:v>
                </c:pt>
                <c:pt idx="541">
                  <c:v>143.86494183060114</c:v>
                </c:pt>
                <c:pt idx="542">
                  <c:v>143.53405246439081</c:v>
                </c:pt>
                <c:pt idx="543">
                  <c:v>143.20392414372267</c:v>
                </c:pt>
                <c:pt idx="544">
                  <c:v>142.87455511819215</c:v>
                </c:pt>
                <c:pt idx="545">
                  <c:v>142.54594364142028</c:v>
                </c:pt>
                <c:pt idx="546">
                  <c:v>142.21808797104504</c:v>
                </c:pt>
                <c:pt idx="547">
                  <c:v>141.89098636871165</c:v>
                </c:pt>
                <c:pt idx="548">
                  <c:v>141.56463710006361</c:v>
                </c:pt>
                <c:pt idx="549">
                  <c:v>141.23903843473349</c:v>
                </c:pt>
                <c:pt idx="550">
                  <c:v>140.9141886463336</c:v>
                </c:pt>
                <c:pt idx="551">
                  <c:v>140.59008601244705</c:v>
                </c:pt>
                <c:pt idx="552">
                  <c:v>140.2667288146184</c:v>
                </c:pt>
                <c:pt idx="553">
                  <c:v>139.94411533834477</c:v>
                </c:pt>
                <c:pt idx="554">
                  <c:v>139.62224387306659</c:v>
                </c:pt>
                <c:pt idx="555">
                  <c:v>139.30111271215853</c:v>
                </c:pt>
                <c:pt idx="556">
                  <c:v>138.98072015292058</c:v>
                </c:pt>
                <c:pt idx="557">
                  <c:v>138.66106449656888</c:v>
                </c:pt>
                <c:pt idx="558">
                  <c:v>138.34214404822677</c:v>
                </c:pt>
                <c:pt idx="559">
                  <c:v>138.02395711691588</c:v>
                </c:pt>
                <c:pt idx="560">
                  <c:v>137.70650201554696</c:v>
                </c:pt>
                <c:pt idx="561">
                  <c:v>137.3897770609112</c:v>
                </c:pt>
                <c:pt idx="562">
                  <c:v>137.07378057367112</c:v>
                </c:pt>
                <c:pt idx="563">
                  <c:v>136.7585108783517</c:v>
                </c:pt>
                <c:pt idx="564">
                  <c:v>136.44396630333148</c:v>
                </c:pt>
                <c:pt idx="565">
                  <c:v>136.13014518083384</c:v>
                </c:pt>
                <c:pt idx="566">
                  <c:v>135.81704584691789</c:v>
                </c:pt>
                <c:pt idx="567">
                  <c:v>135.50466664147001</c:v>
                </c:pt>
                <c:pt idx="568">
                  <c:v>135.19300590819464</c:v>
                </c:pt>
                <c:pt idx="569">
                  <c:v>134.88206199460578</c:v>
                </c:pt>
                <c:pt idx="570">
                  <c:v>134.57183325201819</c:v>
                </c:pt>
                <c:pt idx="571">
                  <c:v>134.26231803553856</c:v>
                </c:pt>
                <c:pt idx="572">
                  <c:v>133.95351470405683</c:v>
                </c:pt>
                <c:pt idx="573">
                  <c:v>133.64542162023753</c:v>
                </c:pt>
                <c:pt idx="574">
                  <c:v>133.33803715051098</c:v>
                </c:pt>
                <c:pt idx="575">
                  <c:v>133.0313596650648</c:v>
                </c:pt>
                <c:pt idx="576">
                  <c:v>132.72538753783516</c:v>
                </c:pt>
                <c:pt idx="577">
                  <c:v>132.42011914649814</c:v>
                </c:pt>
                <c:pt idx="578">
                  <c:v>132.11555287246122</c:v>
                </c:pt>
                <c:pt idx="579">
                  <c:v>131.81168710085456</c:v>
                </c:pt>
                <c:pt idx="580">
                  <c:v>131.5085202205226</c:v>
                </c:pt>
                <c:pt idx="581">
                  <c:v>131.20605062401538</c:v>
                </c:pt>
                <c:pt idx="582">
                  <c:v>130.90427670758015</c:v>
                </c:pt>
                <c:pt idx="583">
                  <c:v>130.60319687115273</c:v>
                </c:pt>
                <c:pt idx="584">
                  <c:v>130.30280951834908</c:v>
                </c:pt>
                <c:pt idx="585">
                  <c:v>130.00311305645687</c:v>
                </c:pt>
                <c:pt idx="586">
                  <c:v>129.70410589642702</c:v>
                </c:pt>
                <c:pt idx="587">
                  <c:v>129.40578645286527</c:v>
                </c:pt>
                <c:pt idx="588">
                  <c:v>129.10815314402367</c:v>
                </c:pt>
                <c:pt idx="589">
                  <c:v>128.81120439179244</c:v>
                </c:pt>
                <c:pt idx="590">
                  <c:v>128.51493862169133</c:v>
                </c:pt>
                <c:pt idx="591">
                  <c:v>128.21935426286143</c:v>
                </c:pt>
                <c:pt idx="592">
                  <c:v>127.92444974805683</c:v>
                </c:pt>
                <c:pt idx="593">
                  <c:v>127.63022351363631</c:v>
                </c:pt>
                <c:pt idx="594">
                  <c:v>127.33667399955498</c:v>
                </c:pt>
                <c:pt idx="595">
                  <c:v>127.043799649356</c:v>
                </c:pt>
                <c:pt idx="596">
                  <c:v>126.7515989101625</c:v>
                </c:pt>
                <c:pt idx="597">
                  <c:v>126.46007023266914</c:v>
                </c:pt>
                <c:pt idx="598">
                  <c:v>126.16921207113396</c:v>
                </c:pt>
                <c:pt idx="599">
                  <c:v>125.87902288337038</c:v>
                </c:pt>
                <c:pt idx="600">
                  <c:v>125.58950113073864</c:v>
                </c:pt>
                <c:pt idx="601">
                  <c:v>125.30064527813795</c:v>
                </c:pt>
                <c:pt idx="602">
                  <c:v>125.01245379399822</c:v>
                </c:pt>
                <c:pt idx="603">
                  <c:v>124.72492515027203</c:v>
                </c:pt>
                <c:pt idx="604">
                  <c:v>124.43805782242642</c:v>
                </c:pt>
                <c:pt idx="605">
                  <c:v>124.15185028943483</c:v>
                </c:pt>
                <c:pt idx="606">
                  <c:v>123.86630103376916</c:v>
                </c:pt>
                <c:pt idx="607">
                  <c:v>123.58140854139148</c:v>
                </c:pt>
                <c:pt idx="608">
                  <c:v>123.29717130174629</c:v>
                </c:pt>
                <c:pt idx="609">
                  <c:v>123.01358780775227</c:v>
                </c:pt>
                <c:pt idx="610">
                  <c:v>122.73065655579447</c:v>
                </c:pt>
                <c:pt idx="611">
                  <c:v>122.44837604571613</c:v>
                </c:pt>
                <c:pt idx="612">
                  <c:v>122.16674478081097</c:v>
                </c:pt>
                <c:pt idx="613">
                  <c:v>121.88576126781514</c:v>
                </c:pt>
                <c:pt idx="614">
                  <c:v>121.60542401689916</c:v>
                </c:pt>
                <c:pt idx="615">
                  <c:v>121.32573154166032</c:v>
                </c:pt>
                <c:pt idx="616">
                  <c:v>121.04668235911447</c:v>
                </c:pt>
                <c:pt idx="617">
                  <c:v>120.76827498968852</c:v>
                </c:pt>
                <c:pt idx="618">
                  <c:v>120.49050795721223</c:v>
                </c:pt>
                <c:pt idx="619">
                  <c:v>120.21337978891066</c:v>
                </c:pt>
                <c:pt idx="620">
                  <c:v>119.93688901539618</c:v>
                </c:pt>
                <c:pt idx="621">
                  <c:v>119.66103417066077</c:v>
                </c:pt>
                <c:pt idx="622">
                  <c:v>119.38581379206826</c:v>
                </c:pt>
                <c:pt idx="623">
                  <c:v>119.11122642034653</c:v>
                </c:pt>
                <c:pt idx="624">
                  <c:v>118.8372705995797</c:v>
                </c:pt>
                <c:pt idx="625">
                  <c:v>118.56394487720068</c:v>
                </c:pt>
                <c:pt idx="626">
                  <c:v>118.29124780398313</c:v>
                </c:pt>
                <c:pt idx="627">
                  <c:v>118.01917793403398</c:v>
                </c:pt>
                <c:pt idx="628">
                  <c:v>117.7477338247857</c:v>
                </c:pt>
                <c:pt idx="629">
                  <c:v>117.47691403698869</c:v>
                </c:pt>
                <c:pt idx="630">
                  <c:v>117.20671713470362</c:v>
                </c:pt>
                <c:pt idx="631">
                  <c:v>116.93714168529381</c:v>
                </c:pt>
                <c:pt idx="632">
                  <c:v>116.66818625941765</c:v>
                </c:pt>
                <c:pt idx="633">
                  <c:v>116.39984943102098</c:v>
                </c:pt>
                <c:pt idx="634">
                  <c:v>116.13212977732964</c:v>
                </c:pt>
                <c:pt idx="635">
                  <c:v>115.86502587884179</c:v>
                </c:pt>
                <c:pt idx="636">
                  <c:v>115.59853631932044</c:v>
                </c:pt>
                <c:pt idx="637">
                  <c:v>115.33265968578601</c:v>
                </c:pt>
                <c:pt idx="638">
                  <c:v>115.06739456850873</c:v>
                </c:pt>
                <c:pt idx="639">
                  <c:v>114.80273956100115</c:v>
                </c:pt>
                <c:pt idx="640">
                  <c:v>114.53869326001086</c:v>
                </c:pt>
                <c:pt idx="641">
                  <c:v>114.27525426551284</c:v>
                </c:pt>
                <c:pt idx="642">
                  <c:v>114.01242118070216</c:v>
                </c:pt>
                <c:pt idx="643">
                  <c:v>113.75019261198656</c:v>
                </c:pt>
                <c:pt idx="644">
                  <c:v>113.488567168979</c:v>
                </c:pt>
                <c:pt idx="645">
                  <c:v>113.22754346449034</c:v>
                </c:pt>
                <c:pt idx="646">
                  <c:v>112.96712011452202</c:v>
                </c:pt>
                <c:pt idx="647">
                  <c:v>112.70729573825862</c:v>
                </c:pt>
                <c:pt idx="648">
                  <c:v>112.44806895806063</c:v>
                </c:pt>
                <c:pt idx="649">
                  <c:v>112.1894383994571</c:v>
                </c:pt>
                <c:pt idx="650">
                  <c:v>111.93140269113835</c:v>
                </c:pt>
                <c:pt idx="651">
                  <c:v>111.67396046494873</c:v>
                </c:pt>
                <c:pt idx="652">
                  <c:v>111.41711035587937</c:v>
                </c:pt>
                <c:pt idx="653">
                  <c:v>111.16085100206084</c:v>
                </c:pt>
                <c:pt idx="654">
                  <c:v>110.90518104475611</c:v>
                </c:pt>
                <c:pt idx="655">
                  <c:v>110.65009912835318</c:v>
                </c:pt>
                <c:pt idx="656">
                  <c:v>110.39560390035797</c:v>
                </c:pt>
                <c:pt idx="657">
                  <c:v>110.14169401138714</c:v>
                </c:pt>
                <c:pt idx="658">
                  <c:v>109.88836811516096</c:v>
                </c:pt>
                <c:pt idx="659">
                  <c:v>109.63562486849609</c:v>
                </c:pt>
                <c:pt idx="660">
                  <c:v>109.38346293129857</c:v>
                </c:pt>
                <c:pt idx="661">
                  <c:v>109.13188096655658</c:v>
                </c:pt>
                <c:pt idx="662">
                  <c:v>108.88087764033351</c:v>
                </c:pt>
                <c:pt idx="663">
                  <c:v>108.63045162176074</c:v>
                </c:pt>
                <c:pt idx="664">
                  <c:v>108.3806015830307</c:v>
                </c:pt>
                <c:pt idx="665">
                  <c:v>108.13132619938973</c:v>
                </c:pt>
                <c:pt idx="666">
                  <c:v>107.88262414913113</c:v>
                </c:pt>
                <c:pt idx="667">
                  <c:v>107.63449411358813</c:v>
                </c:pt>
                <c:pt idx="668">
                  <c:v>107.3869347771269</c:v>
                </c:pt>
                <c:pt idx="669">
                  <c:v>107.13994482713952</c:v>
                </c:pt>
                <c:pt idx="670">
                  <c:v>106.8935229540371</c:v>
                </c:pt>
                <c:pt idx="671">
                  <c:v>106.6476678512428</c:v>
                </c:pt>
                <c:pt idx="672">
                  <c:v>106.40237821518495</c:v>
                </c:pt>
                <c:pt idx="673">
                  <c:v>106.15765274529004</c:v>
                </c:pt>
                <c:pt idx="674">
                  <c:v>105.91349014397589</c:v>
                </c:pt>
                <c:pt idx="675">
                  <c:v>105.66988911664474</c:v>
                </c:pt>
                <c:pt idx="676">
                  <c:v>105.42684837167646</c:v>
                </c:pt>
                <c:pt idx="677">
                  <c:v>105.1843666204216</c:v>
                </c:pt>
                <c:pt idx="678">
                  <c:v>104.94244257719464</c:v>
                </c:pt>
                <c:pt idx="679">
                  <c:v>104.7010749592671</c:v>
                </c:pt>
                <c:pt idx="680">
                  <c:v>104.46026248686077</c:v>
                </c:pt>
                <c:pt idx="681">
                  <c:v>104.220003883141</c:v>
                </c:pt>
                <c:pt idx="682">
                  <c:v>103.98029787420978</c:v>
                </c:pt>
                <c:pt idx="683">
                  <c:v>103.74114318909911</c:v>
                </c:pt>
                <c:pt idx="684">
                  <c:v>103.50253855976419</c:v>
                </c:pt>
                <c:pt idx="685">
                  <c:v>103.26448272107673</c:v>
                </c:pt>
                <c:pt idx="686">
                  <c:v>103.02697441081826</c:v>
                </c:pt>
                <c:pt idx="687">
                  <c:v>102.79001236967341</c:v>
                </c:pt>
                <c:pt idx="688">
                  <c:v>102.55359534122314</c:v>
                </c:pt>
                <c:pt idx="689">
                  <c:v>102.31772207193833</c:v>
                </c:pt>
                <c:pt idx="690">
                  <c:v>102.08239131117288</c:v>
                </c:pt>
                <c:pt idx="691">
                  <c:v>101.84760181115718</c:v>
                </c:pt>
                <c:pt idx="692">
                  <c:v>101.61335232699152</c:v>
                </c:pt>
                <c:pt idx="693">
                  <c:v>101.37964161663946</c:v>
                </c:pt>
                <c:pt idx="694">
                  <c:v>101.1464684409212</c:v>
                </c:pt>
                <c:pt idx="695">
                  <c:v>100.91383156350707</c:v>
                </c:pt>
                <c:pt idx="696">
                  <c:v>100.681729750911</c:v>
                </c:pt>
                <c:pt idx="697">
                  <c:v>100.45016177248392</c:v>
                </c:pt>
                <c:pt idx="698">
                  <c:v>100.21912640040721</c:v>
                </c:pt>
                <c:pt idx="699">
                  <c:v>99.988622409686286</c:v>
                </c:pt>
                <c:pt idx="700">
                  <c:v>99.758648578144005</c:v>
                </c:pt>
                <c:pt idx="701">
                  <c:v>99.529203686414263</c:v>
                </c:pt>
                <c:pt idx="702">
                  <c:v>99.300286517935533</c:v>
                </c:pt>
                <c:pt idx="703">
                  <c:v>99.071895858944288</c:v>
                </c:pt>
                <c:pt idx="704">
                  <c:v>98.844030498468712</c:v>
                </c:pt>
                <c:pt idx="705">
                  <c:v>98.616689228322244</c:v>
                </c:pt>
                <c:pt idx="706">
                  <c:v>98.389870843097114</c:v>
                </c:pt>
                <c:pt idx="707">
                  <c:v>98.163574140158005</c:v>
                </c:pt>
                <c:pt idx="708">
                  <c:v>97.937797919635614</c:v>
                </c:pt>
                <c:pt idx="709">
                  <c:v>97.712540984420471</c:v>
                </c:pt>
                <c:pt idx="710">
                  <c:v>97.487802140156305</c:v>
                </c:pt>
                <c:pt idx="711">
                  <c:v>97.263580195233956</c:v>
                </c:pt>
                <c:pt idx="712">
                  <c:v>97.039873960784902</c:v>
                </c:pt>
                <c:pt idx="713">
                  <c:v>96.816682250675115</c:v>
                </c:pt>
                <c:pt idx="714">
                  <c:v>96.594003881498566</c:v>
                </c:pt>
                <c:pt idx="715">
                  <c:v>96.371837672571147</c:v>
                </c:pt>
                <c:pt idx="716">
                  <c:v>96.150182445924216</c:v>
                </c:pt>
                <c:pt idx="717">
                  <c:v>95.929037026298602</c:v>
                </c:pt>
                <c:pt idx="718">
                  <c:v>95.708400241138122</c:v>
                </c:pt>
                <c:pt idx="719">
                  <c:v>95.488270920583517</c:v>
                </c:pt>
                <c:pt idx="720">
                  <c:v>95.268647897466138</c:v>
                </c:pt>
                <c:pt idx="721">
                  <c:v>95.049530007301982</c:v>
                </c:pt>
                <c:pt idx="722">
                  <c:v>94.830916088285207</c:v>
                </c:pt>
                <c:pt idx="723">
                  <c:v>94.612804981282153</c:v>
                </c:pt>
                <c:pt idx="724">
                  <c:v>94.395195529825202</c:v>
                </c:pt>
                <c:pt idx="725">
                  <c:v>94.178086580106623</c:v>
                </c:pt>
                <c:pt idx="726">
                  <c:v>93.96147698097235</c:v>
                </c:pt>
                <c:pt idx="727">
                  <c:v>93.74536558391614</c:v>
                </c:pt>
                <c:pt idx="728">
                  <c:v>93.529751243073122</c:v>
                </c:pt>
                <c:pt idx="729">
                  <c:v>93.314632815214068</c:v>
                </c:pt>
                <c:pt idx="730">
                  <c:v>93.100009159739074</c:v>
                </c:pt>
                <c:pt idx="731">
                  <c:v>92.885879138671669</c:v>
                </c:pt>
                <c:pt idx="732">
                  <c:v>92.672241616652741</c:v>
                </c:pt>
                <c:pt idx="733">
                  <c:v>92.459095460934435</c:v>
                </c:pt>
                <c:pt idx="734">
                  <c:v>92.246439541374301</c:v>
                </c:pt>
                <c:pt idx="735">
                  <c:v>92.034272730429137</c:v>
                </c:pt>
                <c:pt idx="736">
                  <c:v>91.822593903149155</c:v>
                </c:pt>
                <c:pt idx="737">
                  <c:v>91.611401937171919</c:v>
                </c:pt>
                <c:pt idx="738">
                  <c:v>91.400695712716441</c:v>
                </c:pt>
                <c:pt idx="739">
                  <c:v>91.190474112577178</c:v>
                </c:pt>
                <c:pt idx="740">
                  <c:v>90.980736022118265</c:v>
                </c:pt>
                <c:pt idx="741">
                  <c:v>90.771480329267391</c:v>
                </c:pt>
                <c:pt idx="742">
                  <c:v>90.562705924510084</c:v>
                </c:pt>
                <c:pt idx="743">
                  <c:v>90.354411700883716</c:v>
                </c:pt>
                <c:pt idx="744">
                  <c:v>90.14659655397169</c:v>
                </c:pt>
                <c:pt idx="745">
                  <c:v>89.939259381897557</c:v>
                </c:pt>
                <c:pt idx="746">
                  <c:v>89.732399085319187</c:v>
                </c:pt>
                <c:pt idx="747">
                  <c:v>89.526014567422948</c:v>
                </c:pt>
                <c:pt idx="748">
                  <c:v>89.320104733917901</c:v>
                </c:pt>
                <c:pt idx="749">
                  <c:v>89.114668493029882</c:v>
                </c:pt>
                <c:pt idx="750">
                  <c:v>88.909704755495937</c:v>
                </c:pt>
                <c:pt idx="751">
                  <c:v>88.705212434558291</c:v>
                </c:pt>
                <c:pt idx="752">
                  <c:v>88.501190445958798</c:v>
                </c:pt>
                <c:pt idx="753">
                  <c:v>88.297637707933106</c:v>
                </c:pt>
                <c:pt idx="754">
                  <c:v>88.094553141204869</c:v>
                </c:pt>
                <c:pt idx="755">
                  <c:v>87.891935668980082</c:v>
                </c:pt>
                <c:pt idx="756">
                  <c:v>87.689784216941447</c:v>
                </c:pt>
                <c:pt idx="757">
                  <c:v>87.488097713242496</c:v>
                </c:pt>
                <c:pt idx="758">
                  <c:v>87.286875088502029</c:v>
                </c:pt>
                <c:pt idx="759">
                  <c:v>87.086115275798477</c:v>
                </c:pt>
                <c:pt idx="760">
                  <c:v>86.885817210664143</c:v>
                </c:pt>
                <c:pt idx="761">
                  <c:v>86.685979831079621</c:v>
                </c:pt>
                <c:pt idx="762">
                  <c:v>86.48660207746812</c:v>
                </c:pt>
                <c:pt idx="763">
                  <c:v>86.287682892689972</c:v>
                </c:pt>
                <c:pt idx="764">
                  <c:v>86.089221222036784</c:v>
                </c:pt>
                <c:pt idx="765">
                  <c:v>85.891216013226099</c:v>
                </c:pt>
                <c:pt idx="766">
                  <c:v>85.693666216395684</c:v>
                </c:pt>
                <c:pt idx="767">
                  <c:v>85.496570784097969</c:v>
                </c:pt>
                <c:pt idx="768">
                  <c:v>85.299928671294552</c:v>
                </c:pt>
                <c:pt idx="769">
                  <c:v>85.103738835350583</c:v>
                </c:pt>
                <c:pt idx="770">
                  <c:v>84.908000236029295</c:v>
                </c:pt>
                <c:pt idx="771">
                  <c:v>84.712711835486431</c:v>
                </c:pt>
                <c:pt idx="772">
                  <c:v>84.517872598264802</c:v>
                </c:pt>
                <c:pt idx="773">
                  <c:v>84.323481491288788</c:v>
                </c:pt>
                <c:pt idx="774">
                  <c:v>84.129537483858826</c:v>
                </c:pt>
                <c:pt idx="775">
                  <c:v>83.936039547645976</c:v>
                </c:pt>
                <c:pt idx="776">
                  <c:v>83.742986656686384</c:v>
                </c:pt>
                <c:pt idx="777">
                  <c:v>83.550377787376007</c:v>
                </c:pt>
                <c:pt idx="778">
                  <c:v>83.358211918465045</c:v>
                </c:pt>
                <c:pt idx="779">
                  <c:v>83.166488031052594</c:v>
                </c:pt>
                <c:pt idx="780">
                  <c:v>82.975205108581164</c:v>
                </c:pt>
                <c:pt idx="781">
                  <c:v>82.784362136831419</c:v>
                </c:pt>
                <c:pt idx="782">
                  <c:v>82.593958103916734</c:v>
                </c:pt>
                <c:pt idx="783">
                  <c:v>82.403992000277711</c:v>
                </c:pt>
                <c:pt idx="784">
                  <c:v>82.214462818677092</c:v>
                </c:pt>
                <c:pt idx="785">
                  <c:v>82.025369554194128</c:v>
                </c:pt>
                <c:pt idx="786">
                  <c:v>81.836711204219483</c:v>
                </c:pt>
                <c:pt idx="787">
                  <c:v>81.648486768449786</c:v>
                </c:pt>
                <c:pt idx="788">
                  <c:v>81.460695248882359</c:v>
                </c:pt>
                <c:pt idx="789">
                  <c:v>81.273335649809937</c:v>
                </c:pt>
                <c:pt idx="790">
                  <c:v>81.086406977815372</c:v>
                </c:pt>
                <c:pt idx="791">
                  <c:v>80.899908241766397</c:v>
                </c:pt>
                <c:pt idx="792">
                  <c:v>80.713838452810336</c:v>
                </c:pt>
                <c:pt idx="793">
                  <c:v>80.528196624368874</c:v>
                </c:pt>
                <c:pt idx="794">
                  <c:v>80.342981772132831</c:v>
                </c:pt>
                <c:pt idx="795">
                  <c:v>80.158192914056926</c:v>
                </c:pt>
                <c:pt idx="796">
                  <c:v>79.973829070354611</c:v>
                </c:pt>
                <c:pt idx="797">
                  <c:v>79.789889263492782</c:v>
                </c:pt>
                <c:pt idx="798">
                  <c:v>79.60637251818676</c:v>
                </c:pt>
                <c:pt idx="799">
                  <c:v>79.423277861394922</c:v>
                </c:pt>
                <c:pt idx="800">
                  <c:v>79.240604322313729</c:v>
                </c:pt>
                <c:pt idx="801">
                  <c:v>79.05835093237242</c:v>
                </c:pt>
                <c:pt idx="802">
                  <c:v>78.876516725227972</c:v>
                </c:pt>
                <c:pt idx="803">
                  <c:v>78.69510073675994</c:v>
                </c:pt>
                <c:pt idx="804">
                  <c:v>78.514102005065382</c:v>
                </c:pt>
                <c:pt idx="805">
                  <c:v>78.333519570453745</c:v>
                </c:pt>
                <c:pt idx="806">
                  <c:v>78.153352475441707</c:v>
                </c:pt>
                <c:pt idx="807">
                  <c:v>77.973599764748201</c:v>
                </c:pt>
                <c:pt idx="808">
                  <c:v>77.794260485289257</c:v>
                </c:pt>
                <c:pt idx="809">
                  <c:v>77.615333686173116</c:v>
                </c:pt>
                <c:pt idx="810">
                  <c:v>77.436818418694898</c:v>
                </c:pt>
                <c:pt idx="811">
                  <c:v>77.258713736331913</c:v>
                </c:pt>
                <c:pt idx="812">
                  <c:v>77.081018694738361</c:v>
                </c:pt>
                <c:pt idx="813">
                  <c:v>76.903732351740473</c:v>
                </c:pt>
                <c:pt idx="814">
                  <c:v>76.726853767331477</c:v>
                </c:pt>
                <c:pt idx="815">
                  <c:v>76.550382003666627</c:v>
                </c:pt>
                <c:pt idx="816">
                  <c:v>76.374316125058172</c:v>
                </c:pt>
                <c:pt idx="817">
                  <c:v>76.198655197970552</c:v>
                </c:pt>
                <c:pt idx="818">
                  <c:v>76.023398291015212</c:v>
                </c:pt>
                <c:pt idx="819">
                  <c:v>75.848544474945896</c:v>
                </c:pt>
                <c:pt idx="820">
                  <c:v>75.674092822653506</c:v>
                </c:pt>
                <c:pt idx="821">
                  <c:v>75.500042409161409</c:v>
                </c:pt>
                <c:pt idx="822">
                  <c:v>75.326392311620353</c:v>
                </c:pt>
                <c:pt idx="823">
                  <c:v>75.153141609303631</c:v>
                </c:pt>
                <c:pt idx="824">
                  <c:v>74.980289383602226</c:v>
                </c:pt>
                <c:pt idx="825">
                  <c:v>74.807834718019947</c:v>
                </c:pt>
                <c:pt idx="826">
                  <c:v>74.635776698168499</c:v>
                </c:pt>
                <c:pt idx="827">
                  <c:v>74.464114411762722</c:v>
                </c:pt>
                <c:pt idx="828">
                  <c:v>74.292846948615662</c:v>
                </c:pt>
                <c:pt idx="829">
                  <c:v>74.121973400633848</c:v>
                </c:pt>
                <c:pt idx="830">
                  <c:v>73.951492861812412</c:v>
                </c:pt>
                <c:pt idx="831">
                  <c:v>73.781404428230232</c:v>
                </c:pt>
                <c:pt idx="832">
                  <c:v>73.611707198045309</c:v>
                </c:pt>
                <c:pt idx="833">
                  <c:v>73.442400271489802</c:v>
                </c:pt>
                <c:pt idx="834">
                  <c:v>73.273482750865384</c:v>
                </c:pt>
                <c:pt idx="835">
                  <c:v>73.104953740538406</c:v>
                </c:pt>
                <c:pt idx="836">
                  <c:v>72.93681234693517</c:v>
                </c:pt>
                <c:pt idx="837">
                  <c:v>72.769057678537223</c:v>
                </c:pt>
                <c:pt idx="838">
                  <c:v>72.601688845876581</c:v>
                </c:pt>
                <c:pt idx="839">
                  <c:v>72.434704961531068</c:v>
                </c:pt>
                <c:pt idx="840">
                  <c:v>72.268105140119559</c:v>
                </c:pt>
                <c:pt idx="841">
                  <c:v>72.101888498297285</c:v>
                </c:pt>
                <c:pt idx="842">
                  <c:v>71.936054154751204</c:v>
                </c:pt>
                <c:pt idx="843">
                  <c:v>71.770601230195282</c:v>
                </c:pt>
                <c:pt idx="844">
                  <c:v>71.605528847365832</c:v>
                </c:pt>
                <c:pt idx="845">
                  <c:v>71.440836131016894</c:v>
                </c:pt>
                <c:pt idx="846">
                  <c:v>71.276522207915562</c:v>
                </c:pt>
                <c:pt idx="847">
                  <c:v>71.112586206837364</c:v>
                </c:pt>
                <c:pt idx="848">
                  <c:v>70.949027258561628</c:v>
                </c:pt>
                <c:pt idx="849">
                  <c:v>70.785844495866939</c:v>
                </c:pt>
                <c:pt idx="850">
                  <c:v>70.62303705352646</c:v>
                </c:pt>
                <c:pt idx="851">
                  <c:v>70.46060406830334</c:v>
                </c:pt>
                <c:pt idx="852">
                  <c:v>70.298544678946257</c:v>
                </c:pt>
                <c:pt idx="853">
                  <c:v>70.136858026184669</c:v>
                </c:pt>
                <c:pt idx="854">
                  <c:v>69.975543252724435</c:v>
                </c:pt>
                <c:pt idx="855">
                  <c:v>69.814599503243187</c:v>
                </c:pt>
                <c:pt idx="856">
                  <c:v>69.654025924385735</c:v>
                </c:pt>
                <c:pt idx="857">
                  <c:v>69.493821664759651</c:v>
                </c:pt>
                <c:pt idx="858">
                  <c:v>69.333985874930704</c:v>
                </c:pt>
                <c:pt idx="859">
                  <c:v>69.17451770741836</c:v>
                </c:pt>
                <c:pt idx="860">
                  <c:v>69.015416316691315</c:v>
                </c:pt>
                <c:pt idx="861">
                  <c:v>68.856680859162907</c:v>
                </c:pt>
                <c:pt idx="862">
                  <c:v>68.698310493186852</c:v>
                </c:pt>
                <c:pt idx="863">
                  <c:v>68.540304379052529</c:v>
                </c:pt>
                <c:pt idx="864">
                  <c:v>68.382661678980696</c:v>
                </c:pt>
                <c:pt idx="865">
                  <c:v>68.22538155711905</c:v>
                </c:pt>
                <c:pt idx="866">
                  <c:v>68.068463179537687</c:v>
                </c:pt>
                <c:pt idx="867">
                  <c:v>67.911905714224744</c:v>
                </c:pt>
                <c:pt idx="868">
                  <c:v>67.755708331082033</c:v>
                </c:pt>
                <c:pt idx="869">
                  <c:v>67.599870201920552</c:v>
                </c:pt>
                <c:pt idx="870">
                  <c:v>67.444390500456137</c:v>
                </c:pt>
                <c:pt idx="871">
                  <c:v>67.289268402305098</c:v>
                </c:pt>
                <c:pt idx="872">
                  <c:v>67.134503084979784</c:v>
                </c:pt>
                <c:pt idx="873">
                  <c:v>66.980093727884338</c:v>
                </c:pt>
                <c:pt idx="874">
                  <c:v>66.826039512310203</c:v>
                </c:pt>
                <c:pt idx="875">
                  <c:v>66.672339621431888</c:v>
                </c:pt>
                <c:pt idx="876">
                  <c:v>66.518993240302592</c:v>
                </c:pt>
                <c:pt idx="877">
                  <c:v>66.365999555849911</c:v>
                </c:pt>
                <c:pt idx="878">
                  <c:v>66.213357756871474</c:v>
                </c:pt>
                <c:pt idx="879">
                  <c:v>66.061067034030671</c:v>
                </c:pt>
                <c:pt idx="880">
                  <c:v>65.909126579852384</c:v>
                </c:pt>
                <c:pt idx="881">
                  <c:v>65.757535588718738</c:v>
                </c:pt>
                <c:pt idx="882">
                  <c:v>65.606293256864674</c:v>
                </c:pt>
                <c:pt idx="883">
                  <c:v>65.455398782373905</c:v>
                </c:pt>
                <c:pt idx="884">
                  <c:v>65.304851365174429</c:v>
                </c:pt>
                <c:pt idx="885">
                  <c:v>65.154650207034535</c:v>
                </c:pt>
                <c:pt idx="886">
                  <c:v>65.004794511558373</c:v>
                </c:pt>
                <c:pt idx="887">
                  <c:v>64.855283484181783</c:v>
                </c:pt>
                <c:pt idx="888">
                  <c:v>64.706116332168179</c:v>
                </c:pt>
                <c:pt idx="889">
                  <c:v>64.557292264604186</c:v>
                </c:pt>
                <c:pt idx="890">
                  <c:v>64.408810492395588</c:v>
                </c:pt>
                <c:pt idx="891">
                  <c:v>64.260670228263081</c:v>
                </c:pt>
                <c:pt idx="892">
                  <c:v>64.112870686738091</c:v>
                </c:pt>
                <c:pt idx="893">
                  <c:v>63.965411084158582</c:v>
                </c:pt>
                <c:pt idx="894">
                  <c:v>63.818290638665026</c:v>
                </c:pt>
                <c:pt idx="895">
                  <c:v>63.671508570196103</c:v>
                </c:pt>
                <c:pt idx="896">
                  <c:v>63.525064100484656</c:v>
                </c:pt>
                <c:pt idx="897">
                  <c:v>63.37895645305354</c:v>
                </c:pt>
                <c:pt idx="898">
                  <c:v>63.233184853211526</c:v>
                </c:pt>
                <c:pt idx="899">
                  <c:v>63.087748528049133</c:v>
                </c:pt>
                <c:pt idx="900">
                  <c:v>62.942646706434623</c:v>
                </c:pt>
                <c:pt idx="901">
                  <c:v>62.797878619009829</c:v>
                </c:pt>
                <c:pt idx="902">
                  <c:v>62.653443498186121</c:v>
                </c:pt>
                <c:pt idx="903">
                  <c:v>62.509340578140282</c:v>
                </c:pt>
                <c:pt idx="904">
                  <c:v>62.365569094810567</c:v>
                </c:pt>
                <c:pt idx="905">
                  <c:v>62.222128285892502</c:v>
                </c:pt>
                <c:pt idx="906">
                  <c:v>62.079017390834949</c:v>
                </c:pt>
                <c:pt idx="907">
                  <c:v>61.936235650836032</c:v>
                </c:pt>
                <c:pt idx="908">
                  <c:v>61.79378230883912</c:v>
                </c:pt>
                <c:pt idx="909">
                  <c:v>61.651656609528786</c:v>
                </c:pt>
                <c:pt idx="910">
                  <c:v>61.509857799326873</c:v>
                </c:pt>
                <c:pt idx="911">
                  <c:v>61.368385126388425</c:v>
                </c:pt>
                <c:pt idx="912">
                  <c:v>61.227237840597731</c:v>
                </c:pt>
                <c:pt idx="913">
                  <c:v>61.086415193564349</c:v>
                </c:pt>
                <c:pt idx="914">
                  <c:v>60.945916438619172</c:v>
                </c:pt>
                <c:pt idx="915">
                  <c:v>60.805740830810343</c:v>
                </c:pt>
                <c:pt idx="916">
                  <c:v>60.665887626899483</c:v>
                </c:pt>
                <c:pt idx="917">
                  <c:v>60.526356085357619</c:v>
                </c:pt>
                <c:pt idx="918">
                  <c:v>60.387145466361297</c:v>
                </c:pt>
                <c:pt idx="919">
                  <c:v>60.248255031788666</c:v>
                </c:pt>
                <c:pt idx="920">
                  <c:v>60.109684045215559</c:v>
                </c:pt>
                <c:pt idx="921">
                  <c:v>59.971431771911568</c:v>
                </c:pt>
                <c:pt idx="922">
                  <c:v>59.833497478836165</c:v>
                </c:pt>
                <c:pt idx="923">
                  <c:v>59.695880434634851</c:v>
                </c:pt>
                <c:pt idx="924">
                  <c:v>59.558579909635185</c:v>
                </c:pt>
                <c:pt idx="925">
                  <c:v>59.421595175843031</c:v>
                </c:pt>
                <c:pt idx="926">
                  <c:v>59.284925506938599</c:v>
                </c:pt>
                <c:pt idx="927">
                  <c:v>59.148570178272642</c:v>
                </c:pt>
                <c:pt idx="928">
                  <c:v>59.012528466862619</c:v>
                </c:pt>
                <c:pt idx="929">
                  <c:v>58.876799651388829</c:v>
                </c:pt>
                <c:pt idx="930">
                  <c:v>58.741383012190646</c:v>
                </c:pt>
                <c:pt idx="931">
                  <c:v>58.606277831262609</c:v>
                </c:pt>
                <c:pt idx="932">
                  <c:v>58.471483392250711</c:v>
                </c:pt>
                <c:pt idx="933">
                  <c:v>58.336998980448534</c:v>
                </c:pt>
                <c:pt idx="934">
                  <c:v>58.202823882793496</c:v>
                </c:pt>
                <c:pt idx="935">
                  <c:v>58.068957387863087</c:v>
                </c:pt>
                <c:pt idx="936">
                  <c:v>57.935398785870994</c:v>
                </c:pt>
                <c:pt idx="937">
                  <c:v>57.802147368663498</c:v>
                </c:pt>
                <c:pt idx="938">
                  <c:v>57.669202429715568</c:v>
                </c:pt>
                <c:pt idx="939">
                  <c:v>57.536563264127217</c:v>
                </c:pt>
                <c:pt idx="940">
                  <c:v>57.404229168619736</c:v>
                </c:pt>
                <c:pt idx="941">
                  <c:v>57.272199441531917</c:v>
                </c:pt>
                <c:pt idx="942">
                  <c:v>57.140473382816403</c:v>
                </c:pt>
                <c:pt idx="943">
                  <c:v>57.009050294035923</c:v>
                </c:pt>
                <c:pt idx="944">
                  <c:v>56.877929478359647</c:v>
                </c:pt>
                <c:pt idx="945">
                  <c:v>56.747110240559422</c:v>
                </c:pt>
                <c:pt idx="946">
                  <c:v>56.61659188700613</c:v>
                </c:pt>
                <c:pt idx="947">
                  <c:v>56.486373725666013</c:v>
                </c:pt>
                <c:pt idx="948">
                  <c:v>56.356455066096991</c:v>
                </c:pt>
                <c:pt idx="949">
                  <c:v>56.226835219444979</c:v>
                </c:pt>
                <c:pt idx="950">
                  <c:v>56.09751349844025</c:v>
                </c:pt>
                <c:pt idx="951">
                  <c:v>55.968489217393838</c:v>
                </c:pt>
                <c:pt idx="952">
                  <c:v>55.839761692193832</c:v>
                </c:pt>
                <c:pt idx="953">
                  <c:v>55.711330240301791</c:v>
                </c:pt>
                <c:pt idx="954">
                  <c:v>55.583194180749089</c:v>
                </c:pt>
                <c:pt idx="955">
                  <c:v>55.455352834133386</c:v>
                </c:pt>
                <c:pt idx="956">
                  <c:v>55.327805522614874</c:v>
                </c:pt>
                <c:pt idx="957">
                  <c:v>55.200551569912854</c:v>
                </c:pt>
                <c:pt idx="958">
                  <c:v>55.073590301302069</c:v>
                </c:pt>
                <c:pt idx="959">
                  <c:v>54.94692104360908</c:v>
                </c:pt>
                <c:pt idx="960">
                  <c:v>54.820543125208765</c:v>
                </c:pt>
                <c:pt idx="961">
                  <c:v>54.694455876020804</c:v>
                </c:pt>
                <c:pt idx="962">
                  <c:v>54.568658627505947</c:v>
                </c:pt>
                <c:pt idx="963">
                  <c:v>54.443150712662693</c:v>
                </c:pt>
                <c:pt idx="964">
                  <c:v>54.317931466023566</c:v>
                </c:pt>
                <c:pt idx="965">
                  <c:v>54.193000223651715</c:v>
                </c:pt>
                <c:pt idx="966">
                  <c:v>54.068356323137316</c:v>
                </c:pt>
                <c:pt idx="967">
                  <c:v>53.943999103594109</c:v>
                </c:pt>
                <c:pt idx="968">
                  <c:v>53.819927905655838</c:v>
                </c:pt>
                <c:pt idx="969">
                  <c:v>53.696142071472835</c:v>
                </c:pt>
                <c:pt idx="970">
                  <c:v>53.572640944708454</c:v>
                </c:pt>
                <c:pt idx="971">
                  <c:v>53.449423870535625</c:v>
                </c:pt>
                <c:pt idx="972">
                  <c:v>53.326490195633397</c:v>
                </c:pt>
                <c:pt idx="973">
                  <c:v>53.203839268183451</c:v>
                </c:pt>
                <c:pt idx="974">
                  <c:v>53.081470437866628</c:v>
                </c:pt>
                <c:pt idx="975">
                  <c:v>52.959383055859533</c:v>
                </c:pt>
                <c:pt idx="976">
                  <c:v>52.837576474831046</c:v>
                </c:pt>
                <c:pt idx="977">
                  <c:v>52.716050048938953</c:v>
                </c:pt>
                <c:pt idx="978">
                  <c:v>52.594803133826396</c:v>
                </c:pt>
                <c:pt idx="979">
                  <c:v>52.473835086618593</c:v>
                </c:pt>
                <c:pt idx="980">
                  <c:v>52.353145265919373</c:v>
                </c:pt>
                <c:pt idx="981">
                  <c:v>52.232733031807761</c:v>
                </c:pt>
                <c:pt idx="982">
                  <c:v>52.112597745834591</c:v>
                </c:pt>
                <c:pt idx="983">
                  <c:v>51.992738771019191</c:v>
                </c:pt>
                <c:pt idx="984">
                  <c:v>51.873155471845834</c:v>
                </c:pt>
                <c:pt idx="985">
                  <c:v>51.753847214260595</c:v>
                </c:pt>
                <c:pt idx="986">
                  <c:v>51.634813365667803</c:v>
                </c:pt>
                <c:pt idx="987">
                  <c:v>51.516053294926763</c:v>
                </c:pt>
                <c:pt idx="988">
                  <c:v>51.397566372348443</c:v>
                </c:pt>
                <c:pt idx="989">
                  <c:v>51.27935196969203</c:v>
                </c:pt>
                <c:pt idx="990">
                  <c:v>51.161409460161757</c:v>
                </c:pt>
                <c:pt idx="991">
                  <c:v>51.043738218403377</c:v>
                </c:pt>
                <c:pt idx="992">
                  <c:v>50.926337620501059</c:v>
                </c:pt>
                <c:pt idx="993">
                  <c:v>50.809207043973906</c:v>
                </c:pt>
                <c:pt idx="994">
                  <c:v>50.692345867772779</c:v>
                </c:pt>
                <c:pt idx="995">
                  <c:v>50.575753472276894</c:v>
                </c:pt>
                <c:pt idx="996">
                  <c:v>50.459429239290657</c:v>
                </c:pt>
                <c:pt idx="997">
                  <c:v>50.343372552040293</c:v>
                </c:pt>
                <c:pt idx="998">
                  <c:v>50.227582795170605</c:v>
                </c:pt>
                <c:pt idx="999">
                  <c:v>50.112059354741717</c:v>
                </c:pt>
                <c:pt idx="1000">
                  <c:v>49.996801618225803</c:v>
                </c:pt>
                <c:pt idx="1001">
                  <c:v>49.881808974503898</c:v>
                </c:pt>
                <c:pt idx="1002">
                  <c:v>49.767080813862528</c:v>
                </c:pt>
                <c:pt idx="1003">
                  <c:v>49.652616527990631</c:v>
                </c:pt>
                <c:pt idx="1004">
                  <c:v>49.538415509976282</c:v>
                </c:pt>
                <c:pt idx="1005">
                  <c:v>49.424477154303332</c:v>
                </c:pt>
                <c:pt idx="1006">
                  <c:v>49.310800856848438</c:v>
                </c:pt>
                <c:pt idx="1007">
                  <c:v>49.197386014877694</c:v>
                </c:pt>
                <c:pt idx="1008">
                  <c:v>49.084232027043463</c:v>
                </c:pt>
                <c:pt idx="1009">
                  <c:v>48.971338293381272</c:v>
                </c:pt>
                <c:pt idx="1010">
                  <c:v>48.858704215306496</c:v>
                </c:pt>
                <c:pt idx="1011">
                  <c:v>48.746329195611288</c:v>
                </c:pt>
                <c:pt idx="1012">
                  <c:v>48.634212638461392</c:v>
                </c:pt>
                <c:pt idx="1013">
                  <c:v>48.522353949392937</c:v>
                </c:pt>
                <c:pt idx="1014">
                  <c:v>48.410752535309335</c:v>
                </c:pt>
                <c:pt idx="1015">
                  <c:v>48.299407804478122</c:v>
                </c:pt>
                <c:pt idx="1016">
                  <c:v>48.188319166527819</c:v>
                </c:pt>
                <c:pt idx="1017">
                  <c:v>48.07748603244481</c:v>
                </c:pt>
                <c:pt idx="1018">
                  <c:v>47.966907814570177</c:v>
                </c:pt>
                <c:pt idx="1019">
                  <c:v>47.856583926596677</c:v>
                </c:pt>
                <c:pt idx="1020">
                  <c:v>47.746513783565511</c:v>
                </c:pt>
                <c:pt idx="1021">
                  <c:v>47.636696801863302</c:v>
                </c:pt>
                <c:pt idx="1022">
                  <c:v>47.527132399219035</c:v>
                </c:pt>
                <c:pt idx="1023">
                  <c:v>47.417819994700821</c:v>
                </c:pt>
                <c:pt idx="1024">
                  <c:v>47.308759008713025</c:v>
                </c:pt>
                <c:pt idx="1025">
                  <c:v>47.199948862992983</c:v>
                </c:pt>
                <c:pt idx="1026">
                  <c:v>47.091388980608109</c:v>
                </c:pt>
                <c:pt idx="1027">
                  <c:v>46.983078785952713</c:v>
                </c:pt>
                <c:pt idx="1028">
                  <c:v>46.875017704745019</c:v>
                </c:pt>
                <c:pt idx="1029">
                  <c:v>46.767205164024105</c:v>
                </c:pt>
                <c:pt idx="1030">
                  <c:v>46.659640592146857</c:v>
                </c:pt>
                <c:pt idx="1031">
                  <c:v>46.552323418784916</c:v>
                </c:pt>
                <c:pt idx="1032">
                  <c:v>46.445253074921716</c:v>
                </c:pt>
                <c:pt idx="1033">
                  <c:v>46.338428992849394</c:v>
                </c:pt>
                <c:pt idx="1034">
                  <c:v>46.231850606165835</c:v>
                </c:pt>
                <c:pt idx="1035">
                  <c:v>46.125517349771663</c:v>
                </c:pt>
                <c:pt idx="1036">
                  <c:v>46.019428659867188</c:v>
                </c:pt>
                <c:pt idx="1037">
                  <c:v>45.9135839739495</c:v>
                </c:pt>
                <c:pt idx="1038">
                  <c:v>45.807982730809414</c:v>
                </c:pt>
                <c:pt idx="1039">
                  <c:v>45.702624370528554</c:v>
                </c:pt>
                <c:pt idx="1040">
                  <c:v>45.597508334476345</c:v>
                </c:pt>
                <c:pt idx="1041">
                  <c:v>45.492634065307051</c:v>
                </c:pt>
                <c:pt idx="1042">
                  <c:v>45.388001006956848</c:v>
                </c:pt>
                <c:pt idx="1043">
                  <c:v>45.283608604640847</c:v>
                </c:pt>
                <c:pt idx="1044">
                  <c:v>45.17945630485017</c:v>
                </c:pt>
                <c:pt idx="1045">
                  <c:v>45.075543555349022</c:v>
                </c:pt>
                <c:pt idx="1046">
                  <c:v>44.971869805171721</c:v>
                </c:pt>
                <c:pt idx="1047">
                  <c:v>44.868434504619827</c:v>
                </c:pt>
                <c:pt idx="1048">
                  <c:v>44.765237105259196</c:v>
                </c:pt>
                <c:pt idx="1049">
                  <c:v>44.662277059917109</c:v>
                </c:pt>
                <c:pt idx="1050">
                  <c:v>44.559553822679298</c:v>
                </c:pt>
                <c:pt idx="1051">
                  <c:v>44.457066848887138</c:v>
                </c:pt>
                <c:pt idx="1052">
                  <c:v>44.354815595134696</c:v>
                </c:pt>
                <c:pt idx="1053">
                  <c:v>44.252799519265892</c:v>
                </c:pt>
                <c:pt idx="1054">
                  <c:v>44.151018080371585</c:v>
                </c:pt>
                <c:pt idx="1055">
                  <c:v>44.049470738786724</c:v>
                </c:pt>
                <c:pt idx="1056">
                  <c:v>43.948156956087523</c:v>
                </c:pt>
                <c:pt idx="1057">
                  <c:v>43.847076195088519</c:v>
                </c:pt>
                <c:pt idx="1058">
                  <c:v>43.746227919839818</c:v>
                </c:pt>
                <c:pt idx="1059">
                  <c:v>43.645611595624196</c:v>
                </c:pt>
                <c:pt idx="1060">
                  <c:v>43.545226688954259</c:v>
                </c:pt>
                <c:pt idx="1061">
                  <c:v>43.445072667569669</c:v>
                </c:pt>
                <c:pt idx="1062">
                  <c:v>43.345149000434255</c:v>
                </c:pt>
                <c:pt idx="1063">
                  <c:v>43.245455157733268</c:v>
                </c:pt>
                <c:pt idx="1064">
                  <c:v>43.145990610870477</c:v>
                </c:pt>
                <c:pt idx="1065">
                  <c:v>43.046754832465481</c:v>
                </c:pt>
                <c:pt idx="1066">
                  <c:v>42.947747296350805</c:v>
                </c:pt>
                <c:pt idx="1067">
                  <c:v>42.848967477569204</c:v>
                </c:pt>
                <c:pt idx="1068">
                  <c:v>42.750414852370795</c:v>
                </c:pt>
                <c:pt idx="1069">
                  <c:v>42.652088898210344</c:v>
                </c:pt>
                <c:pt idx="1070">
                  <c:v>42.553989093744462</c:v>
                </c:pt>
                <c:pt idx="1071">
                  <c:v>42.45611491882886</c:v>
                </c:pt>
                <c:pt idx="1072">
                  <c:v>42.358465854515543</c:v>
                </c:pt>
                <c:pt idx="1073">
                  <c:v>42.261041383050163</c:v>
                </c:pt>
                <c:pt idx="1074">
                  <c:v>42.16384098786915</c:v>
                </c:pt>
                <c:pt idx="1075">
                  <c:v>42.066864153597052</c:v>
                </c:pt>
                <c:pt idx="1076">
                  <c:v>41.970110366043777</c:v>
                </c:pt>
                <c:pt idx="1077">
                  <c:v>41.873579112201881</c:v>
                </c:pt>
                <c:pt idx="1078">
                  <c:v>41.777269880243814</c:v>
                </c:pt>
                <c:pt idx="1079">
                  <c:v>41.68118215951926</c:v>
                </c:pt>
                <c:pt idx="1080">
                  <c:v>41.585315440552364</c:v>
                </c:pt>
                <c:pt idx="1081">
                  <c:v>41.489669215039108</c:v>
                </c:pt>
                <c:pt idx="1082">
                  <c:v>41.394242975844506</c:v>
                </c:pt>
                <c:pt idx="1083">
                  <c:v>41.299036217000065</c:v>
                </c:pt>
                <c:pt idx="1084">
                  <c:v>41.204048433700969</c:v>
                </c:pt>
                <c:pt idx="1085">
                  <c:v>41.109279122303455</c:v>
                </c:pt>
                <c:pt idx="1086">
                  <c:v>41.014727780322168</c:v>
                </c:pt>
                <c:pt idx="1087">
                  <c:v>40.920393906427428</c:v>
                </c:pt>
                <c:pt idx="1088">
                  <c:v>40.826277000442644</c:v>
                </c:pt>
                <c:pt idx="1089">
                  <c:v>40.732376563341631</c:v>
                </c:pt>
                <c:pt idx="1090">
                  <c:v>40.638692097245944</c:v>
                </c:pt>
                <c:pt idx="1091">
                  <c:v>40.545223105422288</c:v>
                </c:pt>
                <c:pt idx="1092">
                  <c:v>40.451969092279811</c:v>
                </c:pt>
                <c:pt idx="1093">
                  <c:v>40.358929563367568</c:v>
                </c:pt>
                <c:pt idx="1094">
                  <c:v>40.266104025371824</c:v>
                </c:pt>
                <c:pt idx="1095">
                  <c:v>40.173491986113476</c:v>
                </c:pt>
                <c:pt idx="1096">
                  <c:v>40.081092954545412</c:v>
                </c:pt>
                <c:pt idx="1097">
                  <c:v>39.988906440749965</c:v>
                </c:pt>
                <c:pt idx="1098">
                  <c:v>39.896931955936239</c:v>
                </c:pt>
                <c:pt idx="1099">
                  <c:v>39.805169012437588</c:v>
                </c:pt>
                <c:pt idx="1100">
                  <c:v>39.713617123708978</c:v>
                </c:pt>
                <c:pt idx="1101">
                  <c:v>39.622275804324453</c:v>
                </c:pt>
                <c:pt idx="1102">
                  <c:v>39.531144569974508</c:v>
                </c:pt>
                <c:pt idx="1103">
                  <c:v>39.440222937463567</c:v>
                </c:pt>
                <c:pt idx="1104">
                  <c:v>39.349510424707397</c:v>
                </c:pt>
                <c:pt idx="1105">
                  <c:v>39.259006550730575</c:v>
                </c:pt>
                <c:pt idx="1106">
                  <c:v>39.168710835663902</c:v>
                </c:pt>
                <c:pt idx="1107">
                  <c:v>39.078622800741876</c:v>
                </c:pt>
                <c:pt idx="1108">
                  <c:v>38.988741968300168</c:v>
                </c:pt>
                <c:pt idx="1109">
                  <c:v>38.899067861773084</c:v>
                </c:pt>
                <c:pt idx="1110">
                  <c:v>38.809600005691003</c:v>
                </c:pt>
                <c:pt idx="1111">
                  <c:v>38.720337925677917</c:v>
                </c:pt>
                <c:pt idx="1112">
                  <c:v>38.631281148448863</c:v>
                </c:pt>
                <c:pt idx="1113">
                  <c:v>38.54242920180743</c:v>
                </c:pt>
                <c:pt idx="1114">
                  <c:v>38.453781614643276</c:v>
                </c:pt>
                <c:pt idx="1115">
                  <c:v>38.365337916929597</c:v>
                </c:pt>
                <c:pt idx="1116">
                  <c:v>38.277097639720651</c:v>
                </c:pt>
                <c:pt idx="1117">
                  <c:v>38.189060315149298</c:v>
                </c:pt>
                <c:pt idx="1118">
                  <c:v>38.101225476424467</c:v>
                </c:pt>
                <c:pt idx="1119">
                  <c:v>38.013592657828688</c:v>
                </c:pt>
                <c:pt idx="1120">
                  <c:v>37.926161394715685</c:v>
                </c:pt>
                <c:pt idx="1121">
                  <c:v>37.838931223507835</c:v>
                </c:pt>
                <c:pt idx="1122">
                  <c:v>37.751901681693774</c:v>
                </c:pt>
                <c:pt idx="1123">
                  <c:v>37.665072307825874</c:v>
                </c:pt>
                <c:pt idx="1124">
                  <c:v>37.578442641517874</c:v>
                </c:pt>
                <c:pt idx="1125">
                  <c:v>37.492012223442394</c:v>
                </c:pt>
                <c:pt idx="1126">
                  <c:v>37.405780595328473</c:v>
                </c:pt>
                <c:pt idx="1127">
                  <c:v>37.319747299959225</c:v>
                </c:pt>
                <c:pt idx="1128">
                  <c:v>37.233911881169313</c:v>
                </c:pt>
                <c:pt idx="1129">
                  <c:v>37.148273883842627</c:v>
                </c:pt>
                <c:pt idx="1130">
                  <c:v>37.062832853909789</c:v>
                </c:pt>
                <c:pt idx="1131">
                  <c:v>36.977588338345797</c:v>
                </c:pt>
                <c:pt idx="1132">
                  <c:v>36.892539885167608</c:v>
                </c:pt>
                <c:pt idx="1133">
                  <c:v>36.80768704343172</c:v>
                </c:pt>
                <c:pt idx="1134">
                  <c:v>36.723029363231838</c:v>
                </c:pt>
                <c:pt idx="1135">
                  <c:v>36.638566395696401</c:v>
                </c:pt>
                <c:pt idx="1136">
                  <c:v>36.554297692986303</c:v>
                </c:pt>
                <c:pt idx="1137">
                  <c:v>36.470222808292426</c:v>
                </c:pt>
                <c:pt idx="1138">
                  <c:v>36.386341295833361</c:v>
                </c:pt>
                <c:pt idx="1139">
                  <c:v>36.302652710852954</c:v>
                </c:pt>
                <c:pt idx="1140">
                  <c:v>36.219156609617983</c:v>
                </c:pt>
                <c:pt idx="1141">
                  <c:v>36.135852549415866</c:v>
                </c:pt>
                <c:pt idx="1142">
                  <c:v>36.052740088552213</c:v>
                </c:pt>
                <c:pt idx="1143">
                  <c:v>35.96981878634854</c:v>
                </c:pt>
                <c:pt idx="1144">
                  <c:v>35.887088203139946</c:v>
                </c:pt>
                <c:pt idx="1145">
                  <c:v>35.804547900272723</c:v>
                </c:pt>
                <c:pt idx="1146">
                  <c:v>35.7221974401021</c:v>
                </c:pt>
                <c:pt idx="1147">
                  <c:v>35.640036385989866</c:v>
                </c:pt>
                <c:pt idx="1148">
                  <c:v>35.558064302302085</c:v>
                </c:pt>
                <c:pt idx="1149">
                  <c:v>35.476280754406794</c:v>
                </c:pt>
                <c:pt idx="1150">
                  <c:v>35.394685308671662</c:v>
                </c:pt>
                <c:pt idx="1151">
                  <c:v>35.313277532461719</c:v>
                </c:pt>
                <c:pt idx="1152">
                  <c:v>35.232056994137054</c:v>
                </c:pt>
                <c:pt idx="1153">
                  <c:v>35.15102326305054</c:v>
                </c:pt>
                <c:pt idx="1154">
                  <c:v>35.070175909545533</c:v>
                </c:pt>
                <c:pt idx="1155">
                  <c:v>34.989514504953576</c:v>
                </c:pt>
                <c:pt idx="1156">
                  <c:v>34.909038621592181</c:v>
                </c:pt>
                <c:pt idx="1157">
                  <c:v>34.828747832762517</c:v>
                </c:pt>
                <c:pt idx="1158">
                  <c:v>34.748641712747173</c:v>
                </c:pt>
                <c:pt idx="1159">
                  <c:v>34.668719836807853</c:v>
                </c:pt>
                <c:pt idx="1160">
                  <c:v>34.5889817811832</c:v>
                </c:pt>
                <c:pt idx="1161">
                  <c:v>34.509427123086482</c:v>
                </c:pt>
                <c:pt idx="1162">
                  <c:v>34.430055440703377</c:v>
                </c:pt>
                <c:pt idx="1163">
                  <c:v>34.350866313189762</c:v>
                </c:pt>
                <c:pt idx="1164">
                  <c:v>34.271859320669428</c:v>
                </c:pt>
                <c:pt idx="1165">
                  <c:v>34.193034044231894</c:v>
                </c:pt>
                <c:pt idx="1166">
                  <c:v>34.114390065930159</c:v>
                </c:pt>
                <c:pt idx="1167">
                  <c:v>34.035926968778526</c:v>
                </c:pt>
                <c:pt idx="1168">
                  <c:v>33.957644336750334</c:v>
                </c:pt>
                <c:pt idx="1169">
                  <c:v>33.879541754775801</c:v>
                </c:pt>
                <c:pt idx="1170">
                  <c:v>33.801618808739825</c:v>
                </c:pt>
                <c:pt idx="1171">
                  <c:v>33.723875085479719</c:v>
                </c:pt>
                <c:pt idx="1172">
                  <c:v>33.646310172783117</c:v>
                </c:pt>
                <c:pt idx="1173">
                  <c:v>33.568923659385725</c:v>
                </c:pt>
                <c:pt idx="1174">
                  <c:v>33.491715134969141</c:v>
                </c:pt>
                <c:pt idx="1175">
                  <c:v>33.414684190158709</c:v>
                </c:pt>
                <c:pt idx="1176">
                  <c:v>33.337830416521342</c:v>
                </c:pt>
                <c:pt idx="1177">
                  <c:v>33.261153406563345</c:v>
                </c:pt>
                <c:pt idx="1178">
                  <c:v>33.184652753728251</c:v>
                </c:pt>
                <c:pt idx="1179">
                  <c:v>33.108328052394675</c:v>
                </c:pt>
                <c:pt idx="1180">
                  <c:v>33.032178897874175</c:v>
                </c:pt>
                <c:pt idx="1181">
                  <c:v>32.956204886409068</c:v>
                </c:pt>
                <c:pt idx="1182">
                  <c:v>32.880405615170325</c:v>
                </c:pt>
                <c:pt idx="1183">
                  <c:v>32.804780682255434</c:v>
                </c:pt>
                <c:pt idx="1184">
                  <c:v>32.729329686686249</c:v>
                </c:pt>
                <c:pt idx="1185">
                  <c:v>32.654052228406876</c:v>
                </c:pt>
                <c:pt idx="1186">
                  <c:v>32.578947908281535</c:v>
                </c:pt>
                <c:pt idx="1187">
                  <c:v>32.504016328092497</c:v>
                </c:pt>
                <c:pt idx="1188">
                  <c:v>32.429257090537881</c:v>
                </c:pt>
                <c:pt idx="1189">
                  <c:v>32.35466979922964</c:v>
                </c:pt>
                <c:pt idx="1190">
                  <c:v>32.280254058691412</c:v>
                </c:pt>
                <c:pt idx="1191">
                  <c:v>32.206009474356428</c:v>
                </c:pt>
                <c:pt idx="1192">
                  <c:v>32.131935652565403</c:v>
                </c:pt>
                <c:pt idx="1193">
                  <c:v>32.058032200564512</c:v>
                </c:pt>
                <c:pt idx="1194">
                  <c:v>31.984298726503212</c:v>
                </c:pt>
                <c:pt idx="1195">
                  <c:v>31.910734839432255</c:v>
                </c:pt>
                <c:pt idx="1196">
                  <c:v>31.837340149301564</c:v>
                </c:pt>
                <c:pt idx="1197">
                  <c:v>31.764114266958174</c:v>
                </c:pt>
                <c:pt idx="1198">
                  <c:v>31.691056804144171</c:v>
                </c:pt>
                <c:pt idx="1199">
                  <c:v>31.618167373494646</c:v>
                </c:pt>
                <c:pt idx="1200">
                  <c:v>31.5454455885356</c:v>
                </c:pt>
                <c:pt idx="1201">
                  <c:v>31.472891063681971</c:v>
                </c:pt>
                <c:pt idx="1202">
                  <c:v>31.400503414235509</c:v>
                </c:pt>
                <c:pt idx="1203">
                  <c:v>31.32828225638276</c:v>
                </c:pt>
                <c:pt idx="1204">
                  <c:v>31.256227207193085</c:v>
                </c:pt>
                <c:pt idx="1205">
                  <c:v>31.184337884616546</c:v>
                </c:pt>
                <c:pt idx="1206">
                  <c:v>31.112613907481926</c:v>
                </c:pt>
                <c:pt idx="1207">
                  <c:v>31.041054895494717</c:v>
                </c:pt>
                <c:pt idx="1208">
                  <c:v>30.96966046923508</c:v>
                </c:pt>
                <c:pt idx="1209">
                  <c:v>30.898430250155844</c:v>
                </c:pt>
                <c:pt idx="1210">
                  <c:v>30.827363860580487</c:v>
                </c:pt>
                <c:pt idx="1211">
                  <c:v>30.756460923701152</c:v>
                </c:pt>
                <c:pt idx="1212">
                  <c:v>30.685721063576644</c:v>
                </c:pt>
                <c:pt idx="1213">
                  <c:v>30.615143905130413</c:v>
                </c:pt>
                <c:pt idx="1214">
                  <c:v>30.544729074148616</c:v>
                </c:pt>
                <c:pt idx="1215">
                  <c:v>30.474476197278079</c:v>
                </c:pt>
                <c:pt idx="1216">
                  <c:v>30.404384902024336</c:v>
                </c:pt>
                <c:pt idx="1217">
                  <c:v>30.334454816749684</c:v>
                </c:pt>
                <c:pt idx="1218">
                  <c:v>30.264685570671162</c:v>
                </c:pt>
                <c:pt idx="1219">
                  <c:v>30.195076793858625</c:v>
                </c:pt>
                <c:pt idx="1220">
                  <c:v>30.125628117232743</c:v>
                </c:pt>
                <c:pt idx="1221">
                  <c:v>30.05633917256311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C2E-48A5-9FEA-4712AAFEA47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680116944"/>
        <c:axId val="1680117360"/>
      </c:lineChart>
      <c:catAx>
        <c:axId val="1680116944"/>
        <c:scaling>
          <c:orientation val="minMax"/>
        </c:scaling>
        <c:delete val="1"/>
        <c:axPos val="b"/>
        <c:majorGridlines>
          <c:spPr>
            <a:ln w="3175" cap="flat" cmpd="sng" algn="ctr">
              <a:gradFill>
                <a:gsLst>
                  <a:gs pos="100000">
                    <a:schemeClr val="dk1">
                      <a:lumMod val="75000"/>
                      <a:lumOff val="25000"/>
                    </a:schemeClr>
                  </a:gs>
                  <a:gs pos="0">
                    <a:schemeClr val="dk1">
                      <a:lumMod val="65000"/>
                      <a:lumOff val="35000"/>
                    </a:schemeClr>
                  </a:gs>
                </a:gsLst>
                <a:lin ang="5400000" scaled="0"/>
              </a:gra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900" b="1" i="0" u="none" strike="noStrike" kern="1200" baseline="0">
                    <a:solidFill>
                      <a:schemeClr val="lt1">
                        <a:lumMod val="75000"/>
                      </a:schemeClr>
                    </a:solidFill>
                    <a:latin typeface="微軟正黑體" panose="020B0604030504040204" pitchFamily="34" charset="-120"/>
                    <a:ea typeface="微軟正黑體" panose="020B0604030504040204" pitchFamily="34" charset="-120"/>
                    <a:cs typeface="+mn-cs"/>
                  </a:defRPr>
                </a:pPr>
                <a:r>
                  <a:rPr lang="zh-TW" altLang="en-US">
                    <a:latin typeface="微軟正黑體" panose="020B0604030504040204" pitchFamily="34" charset="-120"/>
                    <a:ea typeface="微軟正黑體" panose="020B0604030504040204" pitchFamily="34" charset="-120"/>
                  </a:rPr>
                  <a:t>時間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900" b="1" i="0" u="none" strike="noStrike" kern="1200" baseline="0">
                  <a:solidFill>
                    <a:schemeClr val="lt1">
                      <a:lumMod val="75000"/>
                    </a:schemeClr>
                  </a:solidFill>
                  <a:latin typeface="微軟正黑體" panose="020B0604030504040204" pitchFamily="34" charset="-120"/>
                  <a:ea typeface="微軟正黑體" panose="020B0604030504040204" pitchFamily="34" charset="-120"/>
                  <a:cs typeface="+mn-cs"/>
                </a:defRPr>
              </a:pPr>
              <a:endParaRPr lang="zh-TW"/>
            </a:p>
          </c:txPr>
        </c:title>
        <c:majorTickMark val="none"/>
        <c:minorTickMark val="none"/>
        <c:tickLblPos val="nextTo"/>
        <c:crossAx val="1680117360"/>
        <c:crosses val="autoZero"/>
        <c:auto val="1"/>
        <c:lblAlgn val="ctr"/>
        <c:lblOffset val="100"/>
        <c:tickLblSkip val="200"/>
        <c:noMultiLvlLbl val="0"/>
      </c:catAx>
      <c:valAx>
        <c:axId val="1680117360"/>
        <c:scaling>
          <c:orientation val="minMax"/>
        </c:scaling>
        <c:delete val="0"/>
        <c:axPos val="l"/>
        <c:majorGridlines>
          <c:spPr>
            <a:ln w="9525" cap="flat" cmpd="sng" algn="ctr">
              <a:gradFill>
                <a:gsLst>
                  <a:gs pos="100000">
                    <a:schemeClr val="dk1">
                      <a:lumMod val="75000"/>
                      <a:lumOff val="25000"/>
                    </a:schemeClr>
                  </a:gs>
                  <a:gs pos="0">
                    <a:schemeClr val="dk1">
                      <a:lumMod val="65000"/>
                      <a:lumOff val="35000"/>
                    </a:schemeClr>
                  </a:gs>
                </a:gsLst>
                <a:lin ang="5400000" scaled="0"/>
              </a:gradFill>
              <a:round/>
            </a:ln>
            <a:effectLst/>
          </c:spPr>
        </c:majorGridlines>
        <c:title>
          <c:tx>
            <c:rich>
              <a:bodyPr rot="0" spcFirstLastPara="1" vertOverflow="ellipsis" wrap="square" anchor="ctr" anchorCtr="1"/>
              <a:lstStyle/>
              <a:p>
                <a:pPr>
                  <a:defRPr sz="900" b="1" i="0" u="none" strike="noStrike" kern="1200" baseline="0">
                    <a:solidFill>
                      <a:schemeClr val="lt1">
                        <a:lumMod val="75000"/>
                      </a:schemeClr>
                    </a:solidFill>
                    <a:latin typeface="微軟正黑體" panose="020B0604030504040204" pitchFamily="34" charset="-120"/>
                    <a:ea typeface="微軟正黑體" panose="020B0604030504040204" pitchFamily="34" charset="-120"/>
                    <a:cs typeface="+mn-cs"/>
                  </a:defRPr>
                </a:pPr>
                <a:r>
                  <a:rPr lang="zh-TW" altLang="en-US">
                    <a:latin typeface="微軟正黑體" panose="020B0604030504040204" pitchFamily="34" charset="-120"/>
                    <a:ea typeface="微軟正黑體" panose="020B0604030504040204" pitchFamily="34" charset="-120"/>
                  </a:rPr>
                  <a:t>落下週期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wrap="square" anchor="ctr" anchorCtr="1"/>
            <a:lstStyle/>
            <a:p>
              <a:pPr>
                <a:defRPr sz="900" b="1" i="0" u="none" strike="noStrike" kern="1200" baseline="0">
                  <a:solidFill>
                    <a:schemeClr val="lt1">
                      <a:lumMod val="75000"/>
                    </a:schemeClr>
                  </a:solidFill>
                  <a:latin typeface="微軟正黑體" panose="020B0604030504040204" pitchFamily="34" charset="-120"/>
                  <a:ea typeface="微軟正黑體" panose="020B0604030504040204" pitchFamily="34" charset="-120"/>
                  <a:cs typeface="+mn-cs"/>
                </a:defRPr>
              </a:pPr>
              <a:endParaRPr lang="zh-TW"/>
            </a:p>
          </c:txPr>
        </c:title>
        <c:numFmt formatCode="General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lt1">
                    <a:lumMod val="7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TW"/>
          </a:p>
        </c:txPr>
        <c:crossAx val="168011694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dk1">
        <a:lumMod val="75000"/>
        <a:lumOff val="25000"/>
      </a:schemeClr>
    </a:solidFill>
    <a:ln w="9525" cap="flat" cmpd="sng" algn="ctr">
      <a:solidFill>
        <a:schemeClr val="dk1">
          <a:lumMod val="15000"/>
          <a:lumOff val="85000"/>
        </a:schemeClr>
      </a:solidFill>
      <a:round/>
    </a:ln>
    <a:effectLst/>
  </c:spPr>
  <c:txPr>
    <a:bodyPr/>
    <a:lstStyle/>
    <a:p>
      <a:pPr>
        <a:defRPr/>
      </a:pPr>
      <a:endParaRPr lang="zh-TW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36">
  <cs:axisTitle>
    <cs:lnRef idx="0"/>
    <cs:fillRef idx="0"/>
    <cs:effectRef idx="0"/>
    <cs:fontRef idx="minor">
      <a:schemeClr val="lt1">
        <a:lumMod val="75000"/>
      </a:schemeClr>
    </cs:fontRef>
    <cs:defRPr sz="900" b="1" kern="1200"/>
  </cs:axisTitle>
  <cs:categoryAxis>
    <cs:lnRef idx="0"/>
    <cs:fillRef idx="0"/>
    <cs:effectRef idx="0"/>
    <cs:fontRef idx="minor">
      <a:schemeClr val="lt1">
        <a:lumMod val="75000"/>
      </a:schemeClr>
    </cs:fontRef>
    <cs:defRPr sz="900" kern="1200"/>
  </cs:categoryAxis>
  <cs:chartArea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lt1">
        <a:lumMod val="75000"/>
      </a:schemeClr>
    </cs:fontRef>
    <cs:defRPr sz="900" kern="1200"/>
  </cs:dataLabel>
  <cs:dataLabelCallout>
    <cs:lnRef idx="0"/>
    <cs:fillRef idx="0"/>
    <cs:effectRef idx="0"/>
    <cs:fontRef idx="minor">
      <a:schemeClr val="lt1">
        <a:lumMod val="15000"/>
        <a:lumOff val="85000"/>
      </a:schemeClr>
    </cs:fontRef>
    <cs:spPr>
      <a:solidFill>
        <a:schemeClr val="dk1">
          <a:lumMod val="65000"/>
          <a:lumOff val="3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/>
    <cs:effectRef idx="0">
      <cs:styleClr val="auto"/>
    </cs:effectRef>
    <cs:fontRef idx="minor">
      <a:schemeClr val="dk1"/>
    </cs:fontRef>
    <cs:spPr>
      <a:ln w="9525" cap="flat" cmpd="sng" algn="ctr">
        <a:solidFill>
          <a:schemeClr val="phClr"/>
        </a:solidFill>
        <a:miter lim="800000"/>
      </a:ln>
      <a:effectLst>
        <a:glow rad="63500">
          <a:schemeClr val="phClr">
            <a:satMod val="175000"/>
            <a:alpha val="25000"/>
          </a:schemeClr>
        </a:glow>
      </a:effectLst>
    </cs:spPr>
  </cs:dataPoint>
  <cs:dataPoint3D>
    <cs:lnRef idx="0">
      <cs:styleClr val="auto"/>
    </cs:lnRef>
    <cs:fillRef idx="0">
      <cs:styleClr val="auto"/>
    </cs:fillRef>
    <cs:effectRef idx="0">
      <cs:styleClr val="auto"/>
    </cs:effectRef>
    <cs:fontRef idx="minor">
      <a:schemeClr val="dk1"/>
    </cs:fontRef>
    <cs:spPr>
      <a:ln w="9525" cap="flat" cmpd="sng" algn="ctr">
        <a:solidFill>
          <a:schemeClr val="phClr"/>
        </a:solidFill>
        <a:miter lim="800000"/>
      </a:ln>
      <a:effectLst>
        <a:glow rad="63500">
          <a:schemeClr val="phClr">
            <a:satMod val="175000"/>
            <a:alpha val="25000"/>
          </a:schemeClr>
        </a:glow>
      </a:effectLst>
    </cs:spPr>
  </cs:dataPoint3D>
  <cs:dataPointLine>
    <cs:lnRef idx="0">
      <cs:styleClr val="auto"/>
    </cs:lnRef>
    <cs:fillRef idx="0">
      <cs:styleClr val="auto"/>
    </cs:fillRef>
    <cs:effectRef idx="0">
      <cs:styleClr val="auto"/>
    </cs:effectRef>
    <cs:fontRef idx="minor">
      <a:schemeClr val="dk1"/>
    </cs:fontRef>
    <cs:spPr>
      <a:ln w="22225" cap="rnd">
        <a:solidFill>
          <a:schemeClr val="phClr"/>
        </a:solidFill>
      </a:ln>
      <a:effectLst>
        <a:glow rad="139700">
          <a:schemeClr val="phClr">
            <a:satMod val="175000"/>
            <a:alpha val="14000"/>
          </a:schemeClr>
        </a:glow>
      </a:effectLst>
    </cs:spPr>
  </cs:dataPointLine>
  <cs:dataPointMarker>
    <cs:lnRef idx="0">
      <cs:styleClr val="auto"/>
    </cs:lnRef>
    <cs:fillRef idx="0">
      <cs:styleClr val="auto"/>
    </cs:fillRef>
    <cs:effectRef idx="0">
      <cs:styleClr val="auto"/>
    </cs:effectRef>
    <cs:fontRef idx="minor">
      <a:schemeClr val="dk1"/>
    </cs:fontRef>
    <cs:spPr>
      <a:solidFill>
        <a:schemeClr val="phClr">
          <a:lumMod val="60000"/>
          <a:lumOff val="40000"/>
        </a:schemeClr>
      </a:solidFill>
      <a:effectLst>
        <a:glow rad="63500">
          <a:schemeClr val="phClr">
            <a:satMod val="175000"/>
            <a:alpha val="25000"/>
          </a:schemeClr>
        </a:glow>
      </a:effectLst>
    </cs:spPr>
  </cs:dataPointMarker>
  <cs:dataPointMarkerLayout symbol="circle" size="4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lt1">
        <a:lumMod val="75000"/>
      </a:schemeClr>
    </cs:fontRef>
    <cs:spPr>
      <a:ln w="9525">
        <a:solidFill>
          <a:schemeClr val="dk1">
            <a:lumMod val="50000"/>
            <a:lumOff val="50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lt1"/>
    </cs:fontRef>
    <cs:spPr>
      <a:solidFill>
        <a:schemeClr val="dk1">
          <a:lumMod val="50000"/>
          <a:lumOff val="50000"/>
        </a:schemeClr>
      </a:solidFill>
      <a:ln w="9525">
        <a:solidFill>
          <a:schemeClr val="dk1">
            <a:lumMod val="75000"/>
          </a:schemeClr>
        </a:solidFill>
        <a:round/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gradFill>
          <a:gsLst>
            <a:gs pos="100000">
              <a:schemeClr val="dk1">
                <a:lumMod val="75000"/>
                <a:lumOff val="25000"/>
              </a:schemeClr>
            </a:gs>
            <a:gs pos="0">
              <a:schemeClr val="dk1">
                <a:lumMod val="65000"/>
                <a:lumOff val="35000"/>
              </a:schemeClr>
            </a:gs>
          </a:gsLst>
          <a:lin ang="5400000" scaled="0"/>
        </a:gra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gradFill>
          <a:gsLst>
            <a:gs pos="100000">
              <a:schemeClr val="dk1">
                <a:lumMod val="75000"/>
                <a:lumOff val="25000"/>
                <a:alpha val="25000"/>
              </a:schemeClr>
            </a:gs>
            <a:gs pos="0">
              <a:schemeClr val="dk1">
                <a:lumMod val="65000"/>
                <a:lumOff val="35000"/>
                <a:alpha val="25000"/>
              </a:schemeClr>
            </a:gs>
          </a:gsLst>
          <a:lin ang="5400000" scaled="0"/>
        </a:gra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leaderLine>
  <cs:legend>
    <cs:lnRef idx="0"/>
    <cs:fillRef idx="0"/>
    <cs:effectRef idx="0"/>
    <cs:fontRef idx="minor">
      <a:schemeClr val="lt1">
        <a:lumMod val="75000"/>
      </a:schemeClr>
    </cs:fontRef>
    <cs:defRPr sz="900" kern="1200"/>
  </cs:legend>
  <cs:plotArea>
    <cs:lnRef idx="0"/>
    <cs:fillRef idx="0"/>
    <cs:effectRef idx="0"/>
    <cs:fontRef idx="minor">
      <a:schemeClr val="dk1"/>
    </cs:fontRef>
  </cs:plotArea>
  <cs:plotArea3D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lt1">
        <a:lumMod val="75000"/>
      </a:schemeClr>
    </cs:fontRef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seriesLine>
  <cs:title>
    <cs:lnRef idx="0"/>
    <cs:fillRef idx="0"/>
    <cs:effectRef idx="0"/>
    <cs:fontRef idx="minor">
      <a:schemeClr val="lt1">
        <a:lumMod val="85000"/>
      </a:schemeClr>
    </cs:fontRef>
    <cs:defRPr sz="1400" b="1" kern="1200" cap="none" baseline="0"/>
  </cs:title>
  <cs:trendline>
    <cs:lnRef idx="0">
      <cs:styleClr val="auto"/>
    </cs:lnRef>
    <cs:fillRef idx="0"/>
    <cs:effectRef idx="0"/>
    <cs:fontRef idx="minor">
      <a:schemeClr val="lt1"/>
    </cs:fontRef>
    <cs:spPr>
      <a:ln w="25400" cap="rnd">
        <a:solidFill>
          <a:schemeClr val="phClr">
            <a:alpha val="50000"/>
          </a:schemeClr>
        </a:solidFill>
      </a:ln>
    </cs:spPr>
  </cs:trendline>
  <cs:trendlineLabel>
    <cs:lnRef idx="0"/>
    <cs:fillRef idx="0"/>
    <cs:effectRef idx="0"/>
    <cs:fontRef idx="minor">
      <a:schemeClr val="lt1">
        <a:lumMod val="7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>
          <a:lumMod val="85000"/>
        </a:schemeClr>
      </a:solidFill>
      <a:ln w="9525">
        <a:solidFill>
          <a:schemeClr val="dk1">
            <a:lumMod val="50000"/>
          </a:schemeClr>
        </a:solidFill>
        <a:round/>
      </a:ln>
    </cs:spPr>
  </cs:upBar>
  <cs:valueAxis>
    <cs:lnRef idx="0"/>
    <cs:fillRef idx="0"/>
    <cs:effectRef idx="0"/>
    <cs:fontRef idx="minor">
      <a:schemeClr val="lt1">
        <a:lumMod val="7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charts/style2.xml><?xml version="1.0" encoding="utf-8"?>
<cs:chartStyle xmlns:cs="http://schemas.microsoft.com/office/drawing/2012/chartStyle" xmlns:a="http://schemas.openxmlformats.org/drawingml/2006/main" id="236">
  <cs:axisTitle>
    <cs:lnRef idx="0"/>
    <cs:fillRef idx="0"/>
    <cs:effectRef idx="0"/>
    <cs:fontRef idx="minor">
      <a:schemeClr val="lt1">
        <a:lumMod val="75000"/>
      </a:schemeClr>
    </cs:fontRef>
    <cs:defRPr sz="900" b="1" kern="1200"/>
  </cs:axisTitle>
  <cs:categoryAxis>
    <cs:lnRef idx="0"/>
    <cs:fillRef idx="0"/>
    <cs:effectRef idx="0"/>
    <cs:fontRef idx="minor">
      <a:schemeClr val="lt1">
        <a:lumMod val="75000"/>
      </a:schemeClr>
    </cs:fontRef>
    <cs:defRPr sz="900" kern="1200"/>
  </cs:categoryAxis>
  <cs:chartArea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dk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lt1">
        <a:lumMod val="75000"/>
      </a:schemeClr>
    </cs:fontRef>
    <cs:defRPr sz="900" kern="1200"/>
  </cs:dataLabel>
  <cs:dataLabelCallout>
    <cs:lnRef idx="0"/>
    <cs:fillRef idx="0"/>
    <cs:effectRef idx="0"/>
    <cs:fontRef idx="minor">
      <a:schemeClr val="lt1">
        <a:lumMod val="15000"/>
        <a:lumOff val="85000"/>
      </a:schemeClr>
    </cs:fontRef>
    <cs:spPr>
      <a:solidFill>
        <a:schemeClr val="dk1">
          <a:lumMod val="65000"/>
          <a:lumOff val="3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/>
    <cs:effectRef idx="0">
      <cs:styleClr val="auto"/>
    </cs:effectRef>
    <cs:fontRef idx="minor">
      <a:schemeClr val="dk1"/>
    </cs:fontRef>
    <cs:spPr>
      <a:ln w="9525" cap="flat" cmpd="sng" algn="ctr">
        <a:solidFill>
          <a:schemeClr val="phClr"/>
        </a:solidFill>
        <a:miter lim="800000"/>
      </a:ln>
      <a:effectLst>
        <a:glow rad="63500">
          <a:schemeClr val="phClr">
            <a:satMod val="175000"/>
            <a:alpha val="25000"/>
          </a:schemeClr>
        </a:glow>
      </a:effectLst>
    </cs:spPr>
  </cs:dataPoint>
  <cs:dataPoint3D>
    <cs:lnRef idx="0">
      <cs:styleClr val="auto"/>
    </cs:lnRef>
    <cs:fillRef idx="0">
      <cs:styleClr val="auto"/>
    </cs:fillRef>
    <cs:effectRef idx="0">
      <cs:styleClr val="auto"/>
    </cs:effectRef>
    <cs:fontRef idx="minor">
      <a:schemeClr val="dk1"/>
    </cs:fontRef>
    <cs:spPr>
      <a:ln w="9525" cap="flat" cmpd="sng" algn="ctr">
        <a:solidFill>
          <a:schemeClr val="phClr"/>
        </a:solidFill>
        <a:miter lim="800000"/>
      </a:ln>
      <a:effectLst>
        <a:glow rad="63500">
          <a:schemeClr val="phClr">
            <a:satMod val="175000"/>
            <a:alpha val="25000"/>
          </a:schemeClr>
        </a:glow>
      </a:effectLst>
    </cs:spPr>
  </cs:dataPoint3D>
  <cs:dataPointLine>
    <cs:lnRef idx="0">
      <cs:styleClr val="auto"/>
    </cs:lnRef>
    <cs:fillRef idx="0">
      <cs:styleClr val="auto"/>
    </cs:fillRef>
    <cs:effectRef idx="0">
      <cs:styleClr val="auto"/>
    </cs:effectRef>
    <cs:fontRef idx="minor">
      <a:schemeClr val="dk1"/>
    </cs:fontRef>
    <cs:spPr>
      <a:ln w="22225" cap="rnd">
        <a:solidFill>
          <a:schemeClr val="phClr"/>
        </a:solidFill>
      </a:ln>
      <a:effectLst>
        <a:glow rad="139700">
          <a:schemeClr val="phClr">
            <a:satMod val="175000"/>
            <a:alpha val="14000"/>
          </a:schemeClr>
        </a:glow>
      </a:effectLst>
    </cs:spPr>
  </cs:dataPointLine>
  <cs:dataPointMarker>
    <cs:lnRef idx="0">
      <cs:styleClr val="auto"/>
    </cs:lnRef>
    <cs:fillRef idx="0">
      <cs:styleClr val="auto"/>
    </cs:fillRef>
    <cs:effectRef idx="0">
      <cs:styleClr val="auto"/>
    </cs:effectRef>
    <cs:fontRef idx="minor">
      <a:schemeClr val="dk1"/>
    </cs:fontRef>
    <cs:spPr>
      <a:solidFill>
        <a:schemeClr val="phClr">
          <a:lumMod val="60000"/>
          <a:lumOff val="40000"/>
        </a:schemeClr>
      </a:solidFill>
      <a:effectLst>
        <a:glow rad="63500">
          <a:schemeClr val="phClr">
            <a:satMod val="175000"/>
            <a:alpha val="25000"/>
          </a:schemeClr>
        </a:glow>
      </a:effectLst>
    </cs:spPr>
  </cs:dataPointMarker>
  <cs:dataPointMarkerLayout symbol="circle" size="4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lt1">
        <a:lumMod val="75000"/>
      </a:schemeClr>
    </cs:fontRef>
    <cs:spPr>
      <a:ln w="9525">
        <a:solidFill>
          <a:schemeClr val="dk1">
            <a:lumMod val="50000"/>
            <a:lumOff val="50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lt1"/>
    </cs:fontRef>
    <cs:spPr>
      <a:solidFill>
        <a:schemeClr val="dk1">
          <a:lumMod val="50000"/>
          <a:lumOff val="50000"/>
        </a:schemeClr>
      </a:solidFill>
      <a:ln w="9525">
        <a:solidFill>
          <a:schemeClr val="dk1">
            <a:lumMod val="75000"/>
          </a:schemeClr>
        </a:solidFill>
        <a:round/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gradFill>
          <a:gsLst>
            <a:gs pos="100000">
              <a:schemeClr val="dk1">
                <a:lumMod val="75000"/>
                <a:lumOff val="25000"/>
              </a:schemeClr>
            </a:gs>
            <a:gs pos="0">
              <a:schemeClr val="dk1">
                <a:lumMod val="65000"/>
                <a:lumOff val="35000"/>
              </a:schemeClr>
            </a:gs>
          </a:gsLst>
          <a:lin ang="5400000" scaled="0"/>
        </a:gra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gradFill>
          <a:gsLst>
            <a:gs pos="100000">
              <a:schemeClr val="dk1">
                <a:lumMod val="75000"/>
                <a:lumOff val="25000"/>
                <a:alpha val="25000"/>
              </a:schemeClr>
            </a:gs>
            <a:gs pos="0">
              <a:schemeClr val="dk1">
                <a:lumMod val="65000"/>
                <a:lumOff val="35000"/>
                <a:alpha val="25000"/>
              </a:schemeClr>
            </a:gs>
          </a:gsLst>
          <a:lin ang="5400000" scaled="0"/>
        </a:gra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leaderLine>
  <cs:legend>
    <cs:lnRef idx="0"/>
    <cs:fillRef idx="0"/>
    <cs:effectRef idx="0"/>
    <cs:fontRef idx="minor">
      <a:schemeClr val="lt1">
        <a:lumMod val="75000"/>
      </a:schemeClr>
    </cs:fontRef>
    <cs:defRPr sz="900" kern="1200"/>
  </cs:legend>
  <cs:plotArea>
    <cs:lnRef idx="0"/>
    <cs:fillRef idx="0"/>
    <cs:effectRef idx="0"/>
    <cs:fontRef idx="minor">
      <a:schemeClr val="dk1"/>
    </cs:fontRef>
  </cs:plotArea>
  <cs:plotArea3D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lt1">
        <a:lumMod val="75000"/>
      </a:schemeClr>
    </cs:fontRef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seriesLine>
  <cs:title>
    <cs:lnRef idx="0"/>
    <cs:fillRef idx="0"/>
    <cs:effectRef idx="0"/>
    <cs:fontRef idx="minor">
      <a:schemeClr val="lt1">
        <a:lumMod val="85000"/>
      </a:schemeClr>
    </cs:fontRef>
    <cs:defRPr sz="1400" b="1" kern="1200" cap="none" baseline="0"/>
  </cs:title>
  <cs:trendline>
    <cs:lnRef idx="0">
      <cs:styleClr val="auto"/>
    </cs:lnRef>
    <cs:fillRef idx="0"/>
    <cs:effectRef idx="0"/>
    <cs:fontRef idx="minor">
      <a:schemeClr val="lt1"/>
    </cs:fontRef>
    <cs:spPr>
      <a:ln w="25400" cap="rnd">
        <a:solidFill>
          <a:schemeClr val="phClr">
            <a:alpha val="50000"/>
          </a:schemeClr>
        </a:solidFill>
      </a:ln>
    </cs:spPr>
  </cs:trendline>
  <cs:trendlineLabel>
    <cs:lnRef idx="0"/>
    <cs:fillRef idx="0"/>
    <cs:effectRef idx="0"/>
    <cs:fontRef idx="minor">
      <a:schemeClr val="lt1">
        <a:lumMod val="7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>
          <a:lumMod val="85000"/>
        </a:schemeClr>
      </a:solidFill>
      <a:ln w="9525">
        <a:solidFill>
          <a:schemeClr val="dk1">
            <a:lumMod val="50000"/>
          </a:schemeClr>
        </a:solidFill>
        <a:round/>
      </a:ln>
    </cs:spPr>
  </cs:upBar>
  <cs:valueAxis>
    <cs:lnRef idx="0"/>
    <cs:fillRef idx="0"/>
    <cs:effectRef idx="0"/>
    <cs:fontRef idx="minor">
      <a:schemeClr val="lt1">
        <a:lumMod val="7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預留位置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pPr rtl="0"/>
            <a:endParaRPr 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pPr rtl="0"/>
            <a:fld id="{3AA7418C-1A37-4630-8C30-B2836F55C532}" type="datetime1">
              <a:rPr lang="zh-TW" altLang="en-US" smtClean="0"/>
              <a:t>2021/7/20</a:t>
            </a:fld>
            <a:endParaRPr lang="en-US" dirty="0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pPr rtl="0"/>
            <a:endParaRPr lang="en-US"/>
          </a:p>
        </p:txBody>
      </p:sp>
      <p:sp>
        <p:nvSpPr>
          <p:cNvPr id="5" name="投影片編號預留位置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pPr rtl="0"/>
            <a:fld id="{97ACF5E7-ACB0-497B-A8C6-F2E617B4631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38533960"/>
      </p:ext>
    </p:extLst>
  </p:cSld>
  <p:clrMap bg1="lt1" tx1="dk1" bg2="lt2" tx2="dk2" accent1="accent1" accent2="accent2" accent3="accent3" accent4="accent4" accent5="accent5" accent6="accent6" hlink="hlink" folHlink="folHlink"/>
  <p:hf hdr="0" ftr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預留位置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pPr rtl="0"/>
            <a:endParaRPr 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pPr rtl="0"/>
            <a:fld id="{AB916EA9-9B8C-4B06-BBDB-07A75F4AF607}" type="datetime1">
              <a:rPr lang="zh-TW" altLang="en-US" smtClean="0"/>
              <a:t>2021/7/20</a:t>
            </a:fld>
            <a:endParaRPr lang="en-US"/>
          </a:p>
        </p:txBody>
      </p:sp>
      <p:sp>
        <p:nvSpPr>
          <p:cNvPr id="4" name="投影片圖像版面配置區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rtl="0"/>
            <a:endParaRPr lang="en-US"/>
          </a:p>
        </p:txBody>
      </p:sp>
      <p:sp>
        <p:nvSpPr>
          <p:cNvPr id="5" name="備忘稿預留位置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 rtl="0"/>
            <a:r>
              <a:rPr lang="zh-tw"/>
              <a:t>按一下以編輯母片文字樣式</a:t>
            </a:r>
            <a:endParaRPr lang="en-US"/>
          </a:p>
          <a:p>
            <a:pPr lvl="1" rtl="0"/>
            <a:r>
              <a:rPr lang="zh-tw"/>
              <a:t>第二層</a:t>
            </a:r>
          </a:p>
          <a:p>
            <a:pPr lvl="2" rtl="0"/>
            <a:r>
              <a:rPr lang="zh-tw"/>
              <a:t>第三層</a:t>
            </a:r>
          </a:p>
          <a:p>
            <a:pPr lvl="3" rtl="0"/>
            <a:r>
              <a:rPr lang="zh-tw"/>
              <a:t>第四層</a:t>
            </a:r>
          </a:p>
          <a:p>
            <a:pPr lvl="4" rtl="0"/>
            <a:r>
              <a:rPr lang="zh-tw"/>
              <a:t>第五層</a:t>
            </a:r>
            <a:endParaRPr lang="en-US"/>
          </a:p>
        </p:txBody>
      </p:sp>
      <p:sp>
        <p:nvSpPr>
          <p:cNvPr id="6" name="頁尾預留位置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pPr rtl="0"/>
            <a:endParaRPr lang="en-US"/>
          </a:p>
        </p:txBody>
      </p:sp>
      <p:sp>
        <p:nvSpPr>
          <p:cNvPr id="7" name="投影片編號預留位置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pPr rtl="0"/>
            <a:fld id="{37A705E3-E620-489D-9973-6221209A4B3B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89581830"/>
      </p:ext>
    </p:extLst>
  </p:cSld>
  <p:clrMap bg1="lt1" tx1="dk1" bg2="lt2" tx2="dk2" accent1="accent1" accent2="accent2" accent3="accent3" accent4="accent4" accent5="accent5" accent6="accent6" hlink="hlink" folHlink="folHlink"/>
  <p:hf hdr="0" ftr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矩形 4">
            <a:extLst>
              <a:ext uri="{FF2B5EF4-FFF2-40B4-BE49-F238E27FC236}">
                <a16:creationId xmlns:a16="http://schemas.microsoft.com/office/drawing/2014/main" id="{904DB13E-F722-4ED6-BB00-556651E95281}"/>
              </a:ext>
            </a:extLst>
          </p:cNvPr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/>
            <a:endParaRPr lang="en-US"/>
          </a:p>
        </p:txBody>
      </p:sp>
      <p:sp useBgFill="1">
        <p:nvSpPr>
          <p:cNvPr id="10" name="矩形 9"/>
          <p:cNvSpPr/>
          <p:nvPr/>
        </p:nvSpPr>
        <p:spPr>
          <a:xfrm>
            <a:off x="1307870" y="1267730"/>
            <a:ext cx="9576262" cy="4307950"/>
          </a:xfrm>
          <a:prstGeom prst="rect">
            <a:avLst/>
          </a:prstGeom>
          <a:ln w="6350" cap="flat" cmpd="sng" algn="ctr">
            <a:noFill/>
            <a:prstDash val="solid"/>
          </a:ln>
          <a:effectLst>
            <a:outerShdw blurRad="50800" algn="ctr" rotWithShape="0">
              <a:prstClr val="black">
                <a:alpha val="66000"/>
              </a:prstClr>
            </a:outerShdw>
            <a:softEdge rad="0"/>
          </a:effectLst>
        </p:spPr>
      </p:sp>
      <p:sp>
        <p:nvSpPr>
          <p:cNvPr id="11" name="矩形 10"/>
          <p:cNvSpPr/>
          <p:nvPr/>
        </p:nvSpPr>
        <p:spPr>
          <a:xfrm>
            <a:off x="1447801" y="1411615"/>
            <a:ext cx="9296400" cy="4034770"/>
          </a:xfrm>
          <a:prstGeom prst="rect">
            <a:avLst/>
          </a:prstGeom>
          <a:noFill/>
          <a:ln w="6350" cap="sq" cmpd="sng" algn="ctr">
            <a:solidFill>
              <a:schemeClr val="tx1">
                <a:lumMod val="75000"/>
                <a:lumOff val="25000"/>
              </a:schemeClr>
            </a:solidFill>
            <a:prstDash val="solid"/>
            <a:miter lim="800000"/>
          </a:ln>
          <a:effectLst/>
        </p:spPr>
      </p:sp>
      <p:sp>
        <p:nvSpPr>
          <p:cNvPr id="15" name="矩形 14"/>
          <p:cNvSpPr/>
          <p:nvPr/>
        </p:nvSpPr>
        <p:spPr>
          <a:xfrm>
            <a:off x="5135880" y="1267730"/>
            <a:ext cx="1920240" cy="73152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grpSp>
        <p:nvGrpSpPr>
          <p:cNvPr id="7" name="群組 6">
            <a:extLst>
              <a:ext uri="{FF2B5EF4-FFF2-40B4-BE49-F238E27FC236}">
                <a16:creationId xmlns:a16="http://schemas.microsoft.com/office/drawing/2014/main" id="{E26428D7-C6F3-473D-A360-A3F5C3E8728C}"/>
              </a:ext>
            </a:extLst>
          </p:cNvPr>
          <p:cNvGrpSpPr/>
          <p:nvPr/>
        </p:nvGrpSpPr>
        <p:grpSpPr>
          <a:xfrm>
            <a:off x="5250180" y="1267730"/>
            <a:ext cx="1691640" cy="615934"/>
            <a:chOff x="5250180" y="1267730"/>
            <a:chExt cx="1691640" cy="615934"/>
          </a:xfrm>
        </p:grpSpPr>
        <p:cxnSp>
          <p:nvCxnSpPr>
            <p:cNvPr id="17" name="直線接點​​(S) 16"/>
            <p:cNvCxnSpPr/>
            <p:nvPr/>
          </p:nvCxnSpPr>
          <p:spPr>
            <a:xfrm>
              <a:off x="5250180" y="1267730"/>
              <a:ext cx="0" cy="612648"/>
            </a:xfrm>
            <a:prstGeom prst="line">
              <a:avLst/>
            </a:prstGeom>
            <a:solidFill>
              <a:schemeClr val="tx1">
                <a:lumMod val="85000"/>
                <a:lumOff val="15000"/>
              </a:schemeClr>
            </a:solidFill>
            <a:ln>
              <a:solidFill>
                <a:srgbClr val="FFFFFF"/>
              </a:solidFill>
              <a:miter lim="800000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直線接點 17"/>
            <p:cNvCxnSpPr/>
            <p:nvPr/>
          </p:nvCxnSpPr>
          <p:spPr>
            <a:xfrm>
              <a:off x="6941820" y="1267730"/>
              <a:ext cx="0" cy="612648"/>
            </a:xfrm>
            <a:prstGeom prst="line">
              <a:avLst/>
            </a:prstGeom>
            <a:solidFill>
              <a:schemeClr val="tx1">
                <a:lumMod val="85000"/>
                <a:lumOff val="15000"/>
              </a:schemeClr>
            </a:solidFill>
            <a:ln>
              <a:solidFill>
                <a:srgbClr val="FFFFFF"/>
              </a:solidFill>
              <a:miter lim="800000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直線接點 18"/>
            <p:cNvCxnSpPr/>
            <p:nvPr/>
          </p:nvCxnSpPr>
          <p:spPr>
            <a:xfrm>
              <a:off x="5250180" y="1883664"/>
              <a:ext cx="1691640" cy="0"/>
            </a:xfrm>
            <a:prstGeom prst="line">
              <a:avLst/>
            </a:prstGeom>
            <a:solidFill>
              <a:schemeClr val="tx1">
                <a:lumMod val="85000"/>
                <a:lumOff val="15000"/>
              </a:schemeClr>
            </a:solidFill>
            <a:ln>
              <a:solidFill>
                <a:srgbClr val="FFFFFF"/>
              </a:solidFill>
              <a:miter lim="800000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1629103" y="2244830"/>
            <a:ext cx="8933796" cy="2437232"/>
          </a:xfrm>
        </p:spPr>
        <p:txBody>
          <a:bodyPr tIns="45720" bIns="45720" rtlCol="0" anchor="ctr">
            <a:normAutofit/>
          </a:bodyPr>
          <a:lstStyle>
            <a:lvl1pPr algn="ctr">
              <a:lnSpc>
                <a:spcPct val="83000"/>
              </a:lnSpc>
              <a:defRPr lang="en-US" sz="6800" b="0" kern="1200" cap="all" spc="-100" baseline="0" dirty="0">
                <a:solidFill>
                  <a:schemeClr val="tx1">
                    <a:lumMod val="85000"/>
                    <a:lumOff val="15000"/>
                  </a:schemeClr>
                </a:solidFill>
                <a:effectLst/>
                <a:latin typeface="Microsoft JhengHei UI" panose="020B0604030504040204" pitchFamily="34" charset="-120"/>
                <a:ea typeface="Microsoft JhengHei UI" panose="020B0604030504040204" pitchFamily="34" charset="-120"/>
                <a:cs typeface="+mn-cs"/>
              </a:defRPr>
            </a:lvl1pPr>
          </a:lstStyle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629101" y="4682062"/>
            <a:ext cx="8936846" cy="457201"/>
          </a:xfrm>
        </p:spPr>
        <p:txBody>
          <a:bodyPr rtlCol="0">
            <a:normAutofit/>
          </a:bodyPr>
          <a:lstStyle>
            <a:lvl1pPr marL="0" indent="0" algn="ctr">
              <a:spcBef>
                <a:spcPts val="0"/>
              </a:spcBef>
              <a:buNone/>
              <a:defRPr sz="1800" spc="80" baseline="0">
                <a:solidFill>
                  <a:schemeClr val="tx1">
                    <a:lumMod val="95000"/>
                    <a:lumOff val="5000"/>
                  </a:schemeClr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  <a:lvl2pPr marL="457200" indent="0" algn="ctr">
              <a:buNone/>
              <a:defRPr sz="1600"/>
            </a:lvl2pPr>
            <a:lvl3pPr marL="914400" indent="0" algn="ctr">
              <a:buNone/>
              <a:defRPr sz="16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pPr rtl="0"/>
            <a:r>
              <a:rPr lang="zh-TW" altLang="en-US"/>
              <a:t>按一下以編輯母片子標題樣式</a:t>
            </a:r>
            <a:endParaRPr lang="en-US" dirty="0"/>
          </a:p>
        </p:txBody>
      </p:sp>
      <p:sp>
        <p:nvSpPr>
          <p:cNvPr id="20" name="日期版面配置區 19"/>
          <p:cNvSpPr>
            <a:spLocks noGrp="1"/>
          </p:cNvSpPr>
          <p:nvPr>
            <p:ph type="dt" sz="half" idx="10"/>
          </p:nvPr>
        </p:nvSpPr>
        <p:spPr>
          <a:xfrm>
            <a:off x="5318760" y="1341256"/>
            <a:ext cx="1554480" cy="485546"/>
          </a:xfrm>
        </p:spPr>
        <p:txBody>
          <a:bodyPr rtlCol="0"/>
          <a:lstStyle>
            <a:lvl1pPr algn="ctr">
              <a:defRPr sz="1300" spc="0" baseline="0">
                <a:solidFill>
                  <a:srgbClr val="FFFFFF"/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</a:lstStyle>
          <a:p>
            <a:fld id="{4D9EAB54-90A7-4427-8D5D-1517AC1256FE}" type="datetime1">
              <a:rPr lang="zh-TW" altLang="en-US" smtClean="0"/>
              <a:t>2021/7/20</a:t>
            </a:fld>
            <a:endParaRPr lang="en-US" dirty="0"/>
          </a:p>
        </p:txBody>
      </p:sp>
      <p:sp>
        <p:nvSpPr>
          <p:cNvPr id="21" name="頁尾預留位置 20"/>
          <p:cNvSpPr>
            <a:spLocks noGrp="1"/>
          </p:cNvSpPr>
          <p:nvPr>
            <p:ph type="ftr" sz="quarter" idx="11"/>
          </p:nvPr>
        </p:nvSpPr>
        <p:spPr>
          <a:xfrm>
            <a:off x="1629100" y="5177408"/>
            <a:ext cx="5730295" cy="228600"/>
          </a:xfrm>
        </p:spPr>
        <p:txBody>
          <a:bodyPr rtlCol="0"/>
          <a:lstStyle>
            <a:lvl1pPr algn="l">
              <a:defRPr>
                <a:solidFill>
                  <a:schemeClr val="tx1">
                    <a:lumMod val="85000"/>
                    <a:lumOff val="15000"/>
                  </a:schemeClr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</a:lstStyle>
          <a:p>
            <a:endParaRPr lang="en-US" dirty="0"/>
          </a:p>
        </p:txBody>
      </p:sp>
      <p:sp>
        <p:nvSpPr>
          <p:cNvPr id="22" name="投影片編號預留位置 21"/>
          <p:cNvSpPr>
            <a:spLocks noGrp="1"/>
          </p:cNvSpPr>
          <p:nvPr>
            <p:ph type="sldNum" sz="quarter" idx="12"/>
          </p:nvPr>
        </p:nvSpPr>
        <p:spPr>
          <a:xfrm>
            <a:off x="8606920" y="5177408"/>
            <a:ext cx="1955980" cy="228600"/>
          </a:xfrm>
        </p:spPr>
        <p:txBody>
          <a:bodyPr rtlCol="0"/>
          <a:lstStyle>
            <a:lvl1pPr>
              <a:defRPr>
                <a:solidFill>
                  <a:schemeClr val="tx1">
                    <a:lumMod val="85000"/>
                    <a:lumOff val="15000"/>
                  </a:schemeClr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</a:lstStyle>
          <a:p>
            <a:fld id="{34B7E4EF-A1BD-40F4-AB7B-04F084DD991D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4777010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直排文字預留位置 2"/>
          <p:cNvSpPr>
            <a:spLocks noGrp="1"/>
          </p:cNvSpPr>
          <p:nvPr>
            <p:ph type="body" orient="vert" idx="1"/>
          </p:nvPr>
        </p:nvSpPr>
        <p:spPr/>
        <p:txBody>
          <a:bodyPr vert="eaVert" rtlCol="0"/>
          <a:lstStyle/>
          <a:p>
            <a:pPr lvl="0" rtl="0"/>
            <a:r>
              <a:rPr lang="zh-TW" altLang="en-US"/>
              <a:t>按一下以編輯母片文字樣式</a:t>
            </a:r>
          </a:p>
          <a:p>
            <a:pPr lvl="1" rtl="0"/>
            <a:r>
              <a:rPr lang="zh-TW" altLang="en-US"/>
              <a:t>第二層</a:t>
            </a:r>
          </a:p>
          <a:p>
            <a:pPr lvl="2" rtl="0"/>
            <a:r>
              <a:rPr lang="zh-TW" altLang="en-US"/>
              <a:t>第三層</a:t>
            </a:r>
          </a:p>
          <a:p>
            <a:pPr lvl="3" rtl="0"/>
            <a:r>
              <a:rPr lang="zh-TW" altLang="en-US"/>
              <a:t>第四層</a:t>
            </a:r>
          </a:p>
          <a:p>
            <a:pPr lvl="4" rtl="0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0DE064CC-B997-463F-949D-526814740EEF}" type="datetime1">
              <a:rPr lang="zh-TW" altLang="en-US" smtClean="0"/>
              <a:t>2021/7/20</a:t>
            </a:fld>
            <a:endParaRPr 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en-US"/>
          </a:p>
        </p:txBody>
      </p:sp>
      <p:sp>
        <p:nvSpPr>
          <p:cNvPr id="6" name="投影片編號預留位置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34B7E4EF-A1BD-40F4-AB7B-04F084DD991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2332990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8991600" y="762000"/>
            <a:ext cx="2362200" cy="5257800"/>
          </a:xfrm>
        </p:spPr>
        <p:txBody>
          <a:bodyPr vert="eaVert" rtlCol="0"/>
          <a:lstStyle/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直排文字預留位置 2"/>
          <p:cNvSpPr>
            <a:spLocks noGrp="1"/>
          </p:cNvSpPr>
          <p:nvPr>
            <p:ph type="body" orient="vert" idx="1"/>
          </p:nvPr>
        </p:nvSpPr>
        <p:spPr>
          <a:xfrm>
            <a:off x="838200" y="762000"/>
            <a:ext cx="8077200" cy="5257800"/>
          </a:xfrm>
        </p:spPr>
        <p:txBody>
          <a:bodyPr vert="eaVert" rtlCol="0"/>
          <a:lstStyle/>
          <a:p>
            <a:pPr lvl="0" rtl="0"/>
            <a:r>
              <a:rPr lang="zh-TW" altLang="en-US"/>
              <a:t>按一下以編輯母片文字樣式</a:t>
            </a:r>
          </a:p>
          <a:p>
            <a:pPr lvl="1" rtl="0"/>
            <a:r>
              <a:rPr lang="zh-TW" altLang="en-US"/>
              <a:t>第二層</a:t>
            </a:r>
          </a:p>
          <a:p>
            <a:pPr lvl="2" rtl="0"/>
            <a:r>
              <a:rPr lang="zh-TW" altLang="en-US"/>
              <a:t>第三層</a:t>
            </a:r>
          </a:p>
          <a:p>
            <a:pPr lvl="3" rtl="0"/>
            <a:r>
              <a:rPr lang="zh-TW" altLang="en-US"/>
              <a:t>第四層</a:t>
            </a:r>
          </a:p>
          <a:p>
            <a:pPr lvl="4" rtl="0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22128EAF-448F-42C4-BB03-9B0CC8E0C77B}" type="datetime1">
              <a:rPr lang="zh-TW" altLang="en-US" smtClean="0"/>
              <a:t>2021/7/20</a:t>
            </a:fld>
            <a:endParaRPr 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en-US"/>
          </a:p>
        </p:txBody>
      </p:sp>
      <p:sp>
        <p:nvSpPr>
          <p:cNvPr id="6" name="投影片編號預留位置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34B7E4EF-A1BD-40F4-AB7B-04F084DD991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1007349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內容預留位置 2"/>
          <p:cNvSpPr>
            <a:spLocks noGrp="1"/>
          </p:cNvSpPr>
          <p:nvPr>
            <p:ph idx="1"/>
          </p:nvPr>
        </p:nvSpPr>
        <p:spPr/>
        <p:txBody>
          <a:bodyPr rtlCol="0"/>
          <a:lstStyle/>
          <a:p>
            <a:pPr lvl="0" rtl="0"/>
            <a:r>
              <a:rPr lang="zh-TW" altLang="en-US"/>
              <a:t>按一下以編輯母片文字樣式</a:t>
            </a:r>
          </a:p>
          <a:p>
            <a:pPr lvl="1" rtl="0"/>
            <a:r>
              <a:rPr lang="zh-TW" altLang="en-US"/>
              <a:t>第二層</a:t>
            </a:r>
          </a:p>
          <a:p>
            <a:pPr lvl="2" rtl="0"/>
            <a:r>
              <a:rPr lang="zh-TW" altLang="en-US"/>
              <a:t>第三層</a:t>
            </a:r>
          </a:p>
          <a:p>
            <a:pPr lvl="3" rtl="0"/>
            <a:r>
              <a:rPr lang="zh-TW" altLang="en-US"/>
              <a:t>第四層</a:t>
            </a:r>
          </a:p>
          <a:p>
            <a:pPr lvl="4" rtl="0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en-US" dirty="0"/>
          </a:p>
        </p:txBody>
      </p:sp>
      <p:sp>
        <p:nvSpPr>
          <p:cNvPr id="6" name="投影片編號預留位置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34B7E4EF-A1BD-40F4-AB7B-04F084DD991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5370879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章節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矩形 14">
            <a:extLst>
              <a:ext uri="{FF2B5EF4-FFF2-40B4-BE49-F238E27FC236}">
                <a16:creationId xmlns:a16="http://schemas.microsoft.com/office/drawing/2014/main" id="{0A4A1889-E37C-4EC3-9E41-9DAD221CF389}"/>
              </a:ext>
            </a:extLst>
          </p:cNvPr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/>
            <a:endParaRPr lang="en-US"/>
          </a:p>
        </p:txBody>
      </p:sp>
      <p:sp useBgFill="1">
        <p:nvSpPr>
          <p:cNvPr id="23" name="矩形 22"/>
          <p:cNvSpPr/>
          <p:nvPr/>
        </p:nvSpPr>
        <p:spPr>
          <a:xfrm>
            <a:off x="1307870" y="1267730"/>
            <a:ext cx="9576262" cy="4307950"/>
          </a:xfrm>
          <a:prstGeom prst="rect">
            <a:avLst/>
          </a:prstGeom>
          <a:ln w="6350" cap="flat" cmpd="sng" algn="ctr">
            <a:noFill/>
            <a:prstDash val="solid"/>
          </a:ln>
          <a:effectLst>
            <a:outerShdw blurRad="50800" algn="ctr" rotWithShape="0">
              <a:prstClr val="black">
                <a:alpha val="66000"/>
              </a:prstClr>
            </a:outerShdw>
            <a:softEdge rad="0"/>
          </a:effectLst>
        </p:spPr>
      </p:sp>
      <p:sp>
        <p:nvSpPr>
          <p:cNvPr id="24" name="矩形 23"/>
          <p:cNvSpPr/>
          <p:nvPr/>
        </p:nvSpPr>
        <p:spPr>
          <a:xfrm>
            <a:off x="1447801" y="1411615"/>
            <a:ext cx="9296400" cy="4034770"/>
          </a:xfrm>
          <a:prstGeom prst="rect">
            <a:avLst/>
          </a:prstGeom>
          <a:noFill/>
          <a:ln w="6350" cap="sq" cmpd="sng" algn="ctr">
            <a:solidFill>
              <a:schemeClr val="tx1">
                <a:lumMod val="75000"/>
                <a:lumOff val="25000"/>
              </a:schemeClr>
            </a:solidFill>
            <a:prstDash val="solid"/>
            <a:miter lim="800000"/>
          </a:ln>
          <a:effectLst/>
        </p:spPr>
      </p:sp>
      <p:sp>
        <p:nvSpPr>
          <p:cNvPr id="30" name="矩形 29"/>
          <p:cNvSpPr/>
          <p:nvPr/>
        </p:nvSpPr>
        <p:spPr>
          <a:xfrm>
            <a:off x="5135880" y="1267730"/>
            <a:ext cx="1920240" cy="73152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629156" y="2275165"/>
            <a:ext cx="8933688" cy="2406895"/>
          </a:xfrm>
        </p:spPr>
        <p:txBody>
          <a:bodyPr rtlCol="0" anchor="ctr">
            <a:normAutofit/>
          </a:bodyPr>
          <a:lstStyle>
            <a:lvl1pPr algn="ctr">
              <a:lnSpc>
                <a:spcPct val="83000"/>
              </a:lnSpc>
              <a:defRPr lang="en-US" sz="6800" kern="1200" cap="all" spc="-100" baseline="0" dirty="0">
                <a:solidFill>
                  <a:schemeClr val="tx1">
                    <a:lumMod val="85000"/>
                    <a:lumOff val="15000"/>
                  </a:schemeClr>
                </a:solidFill>
                <a:effectLst/>
                <a:latin typeface="Microsoft JhengHei UI" panose="020B0604030504040204" pitchFamily="34" charset="-120"/>
                <a:ea typeface="Microsoft JhengHei UI" panose="020B0604030504040204" pitchFamily="34" charset="-120"/>
                <a:cs typeface="+mn-cs"/>
              </a:defRPr>
            </a:lvl1pPr>
          </a:lstStyle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grpSp>
        <p:nvGrpSpPr>
          <p:cNvPr id="16" name="群組 15">
            <a:extLst>
              <a:ext uri="{FF2B5EF4-FFF2-40B4-BE49-F238E27FC236}">
                <a16:creationId xmlns:a16="http://schemas.microsoft.com/office/drawing/2014/main" id="{1683EB04-C23E-490C-A1A6-030CF79D23C8}"/>
              </a:ext>
            </a:extLst>
          </p:cNvPr>
          <p:cNvGrpSpPr/>
          <p:nvPr/>
        </p:nvGrpSpPr>
        <p:grpSpPr>
          <a:xfrm>
            <a:off x="5250180" y="1267730"/>
            <a:ext cx="1691640" cy="615934"/>
            <a:chOff x="5250180" y="1267730"/>
            <a:chExt cx="1691640" cy="615934"/>
          </a:xfrm>
        </p:grpSpPr>
        <p:cxnSp>
          <p:nvCxnSpPr>
            <p:cNvPr id="17" name="直線接點 16">
              <a:extLst>
                <a:ext uri="{FF2B5EF4-FFF2-40B4-BE49-F238E27FC236}">
                  <a16:creationId xmlns:a16="http://schemas.microsoft.com/office/drawing/2014/main" id="{F8A84C03-E1CA-4A4E-81D6-9BB0C335B7A0}"/>
                </a:ext>
              </a:extLst>
            </p:cNvPr>
            <p:cNvCxnSpPr/>
            <p:nvPr/>
          </p:nvCxnSpPr>
          <p:spPr>
            <a:xfrm>
              <a:off x="5250180" y="1267730"/>
              <a:ext cx="0" cy="612648"/>
            </a:xfrm>
            <a:prstGeom prst="line">
              <a:avLst/>
            </a:prstGeom>
            <a:solidFill>
              <a:schemeClr val="tx1">
                <a:lumMod val="85000"/>
                <a:lumOff val="15000"/>
              </a:schemeClr>
            </a:solidFill>
            <a:ln>
              <a:solidFill>
                <a:srgbClr val="FFFFFF"/>
              </a:solidFill>
              <a:miter lim="800000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直線接點 17">
              <a:extLst>
                <a:ext uri="{FF2B5EF4-FFF2-40B4-BE49-F238E27FC236}">
                  <a16:creationId xmlns:a16="http://schemas.microsoft.com/office/drawing/2014/main" id="{4A26FB5A-D5D1-4DAB-AC43-7F51A7F2D197}"/>
                </a:ext>
              </a:extLst>
            </p:cNvPr>
            <p:cNvCxnSpPr/>
            <p:nvPr/>
          </p:nvCxnSpPr>
          <p:spPr>
            <a:xfrm>
              <a:off x="6941820" y="1267730"/>
              <a:ext cx="0" cy="612648"/>
            </a:xfrm>
            <a:prstGeom prst="line">
              <a:avLst/>
            </a:prstGeom>
            <a:solidFill>
              <a:schemeClr val="tx1">
                <a:lumMod val="85000"/>
                <a:lumOff val="15000"/>
              </a:schemeClr>
            </a:solidFill>
            <a:ln>
              <a:solidFill>
                <a:srgbClr val="FFFFFF"/>
              </a:solidFill>
              <a:miter lim="800000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直線接點​​(S) 18">
              <a:extLst>
                <a:ext uri="{FF2B5EF4-FFF2-40B4-BE49-F238E27FC236}">
                  <a16:creationId xmlns:a16="http://schemas.microsoft.com/office/drawing/2014/main" id="{49303F14-E560-4C02-94F4-B4695FE26813}"/>
                </a:ext>
              </a:extLst>
            </p:cNvPr>
            <p:cNvCxnSpPr/>
            <p:nvPr/>
          </p:nvCxnSpPr>
          <p:spPr>
            <a:xfrm>
              <a:off x="5250180" y="1883664"/>
              <a:ext cx="1691640" cy="0"/>
            </a:xfrm>
            <a:prstGeom prst="line">
              <a:avLst/>
            </a:prstGeom>
            <a:solidFill>
              <a:schemeClr val="tx1">
                <a:lumMod val="85000"/>
                <a:lumOff val="15000"/>
              </a:schemeClr>
            </a:solidFill>
            <a:ln>
              <a:solidFill>
                <a:srgbClr val="FFFFFF"/>
              </a:solidFill>
              <a:miter lim="800000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" name="文字預留位置 2"/>
          <p:cNvSpPr>
            <a:spLocks noGrp="1"/>
          </p:cNvSpPr>
          <p:nvPr>
            <p:ph type="body" idx="1"/>
          </p:nvPr>
        </p:nvSpPr>
        <p:spPr>
          <a:xfrm>
            <a:off x="1629156" y="4682062"/>
            <a:ext cx="8939784" cy="457200"/>
          </a:xfrm>
        </p:spPr>
        <p:txBody>
          <a:bodyPr rtlCol="0" anchor="t">
            <a:normAutofit/>
          </a:bodyPr>
          <a:lstStyle>
            <a:lvl1pPr marL="0" indent="0" algn="ctr">
              <a:buNone/>
              <a:tabLst>
                <a:tab pos="2633663" algn="l"/>
              </a:tabLst>
              <a:defRPr sz="1800">
                <a:solidFill>
                  <a:schemeClr val="tx1">
                    <a:lumMod val="95000"/>
                    <a:lumOff val="5000"/>
                  </a:schemeClr>
                </a:solidFill>
                <a:effectLst/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  <a:lvl2pPr marL="457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>
          <a:xfrm>
            <a:off x="5318760" y="1344502"/>
            <a:ext cx="1554480" cy="498781"/>
          </a:xfrm>
        </p:spPr>
        <p:txBody>
          <a:bodyPr rtlCol="0"/>
          <a:lstStyle>
            <a:lvl1pPr algn="ctr">
              <a:defRPr lang="en-US" sz="1300" kern="1200" spc="0" baseline="0">
                <a:solidFill>
                  <a:srgbClr val="FFFFFF"/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  <a:cs typeface="+mn-cs"/>
              </a:defRPr>
            </a:lvl1pPr>
          </a:lstStyle>
          <a:p>
            <a:fld id="{294347CA-4B58-4AEE-8DA6-4E2B096FC96F}" type="datetime1">
              <a:rPr lang="zh-TW" altLang="en-US" smtClean="0"/>
              <a:t>2021/7/20</a:t>
            </a:fld>
            <a:endParaRPr dirty="0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>
          <a:xfrm>
            <a:off x="1629157" y="5177408"/>
            <a:ext cx="5660134" cy="228600"/>
          </a:xfrm>
        </p:spPr>
        <p:txBody>
          <a:bodyPr rtlCol="0"/>
          <a:lstStyle>
            <a:lvl1pPr algn="l">
              <a:defRPr>
                <a:solidFill>
                  <a:schemeClr val="tx1">
                    <a:lumMod val="85000"/>
                    <a:lumOff val="15000"/>
                  </a:schemeClr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</a:lstStyle>
          <a:p>
            <a:endParaRPr lang="en-US" dirty="0"/>
          </a:p>
        </p:txBody>
      </p:sp>
      <p:sp>
        <p:nvSpPr>
          <p:cNvPr id="6" name="投影片編號預留位置 5"/>
          <p:cNvSpPr>
            <a:spLocks noGrp="1"/>
          </p:cNvSpPr>
          <p:nvPr>
            <p:ph type="sldNum" sz="quarter" idx="12"/>
          </p:nvPr>
        </p:nvSpPr>
        <p:spPr>
          <a:xfrm>
            <a:off x="8604504" y="5177408"/>
            <a:ext cx="1958339" cy="228600"/>
          </a:xfrm>
        </p:spPr>
        <p:txBody>
          <a:bodyPr rtlCol="0"/>
          <a:lstStyle>
            <a:lvl1pPr>
              <a:defRPr>
                <a:solidFill>
                  <a:schemeClr val="tx1">
                    <a:lumMod val="85000"/>
                    <a:lumOff val="15000"/>
                  </a:schemeClr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</a:lstStyle>
          <a:p>
            <a:fld id="{34B7E4EF-A1BD-40F4-AB7B-04F084DD991D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0607143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個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標題 7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內容預留位置 2"/>
          <p:cNvSpPr>
            <a:spLocks noGrp="1"/>
          </p:cNvSpPr>
          <p:nvPr>
            <p:ph sz="half" idx="1"/>
          </p:nvPr>
        </p:nvSpPr>
        <p:spPr>
          <a:xfrm>
            <a:off x="1066800" y="2103120"/>
            <a:ext cx="4663440" cy="3749040"/>
          </a:xfrm>
        </p:spPr>
        <p:txBody>
          <a:bodyPr rtlCol="0"/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  <a:p>
            <a:pPr lvl="1" rtl="0"/>
            <a:r>
              <a:rPr lang="zh-TW" altLang="en-US"/>
              <a:t>第二層</a:t>
            </a:r>
          </a:p>
          <a:p>
            <a:pPr lvl="2" rtl="0"/>
            <a:r>
              <a:rPr lang="zh-TW" altLang="en-US"/>
              <a:t>第三層</a:t>
            </a:r>
          </a:p>
          <a:p>
            <a:pPr lvl="3" rtl="0"/>
            <a:r>
              <a:rPr lang="zh-TW" altLang="en-US"/>
              <a:t>第四層</a:t>
            </a:r>
          </a:p>
          <a:p>
            <a:pPr lvl="4" rtl="0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內容預留位置 3"/>
          <p:cNvSpPr>
            <a:spLocks noGrp="1"/>
          </p:cNvSpPr>
          <p:nvPr>
            <p:ph sz="half" idx="2"/>
          </p:nvPr>
        </p:nvSpPr>
        <p:spPr>
          <a:xfrm>
            <a:off x="6461760" y="2103120"/>
            <a:ext cx="4663440" cy="3749040"/>
          </a:xfrm>
        </p:spPr>
        <p:txBody>
          <a:bodyPr rtlCol="0"/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  <a:p>
            <a:pPr lvl="1" rtl="0"/>
            <a:r>
              <a:rPr lang="zh-TW" altLang="en-US"/>
              <a:t>第二層</a:t>
            </a:r>
          </a:p>
          <a:p>
            <a:pPr lvl="2" rtl="0"/>
            <a:r>
              <a:rPr lang="zh-TW" altLang="en-US"/>
              <a:t>第三層</a:t>
            </a:r>
          </a:p>
          <a:p>
            <a:pPr lvl="3" rtl="0"/>
            <a:r>
              <a:rPr lang="zh-TW" altLang="en-US"/>
              <a:t>第四層</a:t>
            </a:r>
          </a:p>
          <a:p>
            <a:pPr lvl="4" rtl="0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23CCF91B-17D2-4072-B2E9-D16F58DFD8EB}" type="datetime1">
              <a:rPr lang="zh-TW" altLang="en-US" smtClean="0"/>
              <a:t>2021/7/20</a:t>
            </a:fld>
            <a:endParaRPr 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en-US" dirty="0"/>
          </a:p>
        </p:txBody>
      </p:sp>
      <p:sp>
        <p:nvSpPr>
          <p:cNvPr id="7" name="投影片編號預留位置 6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34B7E4EF-A1BD-40F4-AB7B-04F084DD991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4467216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文字預留位置 2"/>
          <p:cNvSpPr>
            <a:spLocks noGrp="1"/>
          </p:cNvSpPr>
          <p:nvPr>
            <p:ph type="body" idx="1"/>
          </p:nvPr>
        </p:nvSpPr>
        <p:spPr>
          <a:xfrm>
            <a:off x="1069848" y="2074334"/>
            <a:ext cx="4663440" cy="640080"/>
          </a:xfrm>
        </p:spPr>
        <p:txBody>
          <a:bodyPr rtlCol="0" anchor="ctr">
            <a:normAutofit/>
          </a:bodyPr>
          <a:lstStyle>
            <a:lvl1pPr marL="0" indent="0" algn="l">
              <a:spcBef>
                <a:spcPts val="0"/>
              </a:spcBef>
              <a:buNone/>
              <a:defRPr sz="1900" b="1" i="0">
                <a:solidFill>
                  <a:schemeClr val="tx1"/>
                </a:solidFill>
                <a:latin typeface="+mn-lt"/>
              </a:defRPr>
            </a:lvl1pPr>
            <a:lvl2pPr marL="457200" indent="0">
              <a:buNone/>
              <a:defRPr sz="18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</p:txBody>
      </p:sp>
      <p:sp>
        <p:nvSpPr>
          <p:cNvPr id="4" name="內容預留位置 3"/>
          <p:cNvSpPr>
            <a:spLocks noGrp="1"/>
          </p:cNvSpPr>
          <p:nvPr>
            <p:ph sz="half" idx="2"/>
          </p:nvPr>
        </p:nvSpPr>
        <p:spPr>
          <a:xfrm>
            <a:off x="1069848" y="2792472"/>
            <a:ext cx="4663440" cy="3163825"/>
          </a:xfrm>
        </p:spPr>
        <p:txBody>
          <a:bodyPr rtlCol="0"/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  <a:p>
            <a:pPr lvl="1" rtl="0"/>
            <a:r>
              <a:rPr lang="zh-TW" altLang="en-US"/>
              <a:t>第二層</a:t>
            </a:r>
          </a:p>
          <a:p>
            <a:pPr lvl="2" rtl="0"/>
            <a:r>
              <a:rPr lang="zh-TW" altLang="en-US"/>
              <a:t>第三層</a:t>
            </a:r>
          </a:p>
          <a:p>
            <a:pPr lvl="3" rtl="0"/>
            <a:r>
              <a:rPr lang="zh-TW" altLang="en-US"/>
              <a:t>第四層</a:t>
            </a:r>
          </a:p>
          <a:p>
            <a:pPr lvl="4" rtl="0"/>
            <a:r>
              <a:rPr lang="zh-TW" altLang="en-US"/>
              <a:t>第五層</a:t>
            </a:r>
            <a:endParaRPr lang="zh-tw" dirty="0"/>
          </a:p>
        </p:txBody>
      </p:sp>
      <p:sp>
        <p:nvSpPr>
          <p:cNvPr id="5" name="文字預留位置 4"/>
          <p:cNvSpPr>
            <a:spLocks noGrp="1"/>
          </p:cNvSpPr>
          <p:nvPr>
            <p:ph type="body" sz="quarter" idx="3"/>
          </p:nvPr>
        </p:nvSpPr>
        <p:spPr>
          <a:xfrm>
            <a:off x="6458712" y="2074334"/>
            <a:ext cx="4663440" cy="640080"/>
          </a:xfrm>
        </p:spPr>
        <p:txBody>
          <a:bodyPr rtlCol="0" anchor="ctr">
            <a:normAutofit/>
          </a:bodyPr>
          <a:lstStyle>
            <a:lvl1pPr marL="0" indent="0" algn="l">
              <a:spcBef>
                <a:spcPts val="0"/>
              </a:spcBef>
              <a:buNone/>
              <a:defRPr sz="1900" b="1">
                <a:solidFill>
                  <a:schemeClr val="tx1"/>
                </a:solidFill>
              </a:defRPr>
            </a:lvl1pPr>
            <a:lvl2pPr marL="457200" indent="0">
              <a:buNone/>
              <a:defRPr sz="18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</p:txBody>
      </p:sp>
      <p:sp>
        <p:nvSpPr>
          <p:cNvPr id="6" name="內容預留位置 5"/>
          <p:cNvSpPr>
            <a:spLocks noGrp="1"/>
          </p:cNvSpPr>
          <p:nvPr>
            <p:ph sz="quarter" idx="4"/>
          </p:nvPr>
        </p:nvSpPr>
        <p:spPr>
          <a:xfrm>
            <a:off x="6458712" y="2792471"/>
            <a:ext cx="4663440" cy="3164509"/>
          </a:xfrm>
        </p:spPr>
        <p:txBody>
          <a:bodyPr rtlCol="0"/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  <a:p>
            <a:pPr lvl="1" rtl="0"/>
            <a:r>
              <a:rPr lang="zh-TW" altLang="en-US"/>
              <a:t>第二層</a:t>
            </a:r>
          </a:p>
          <a:p>
            <a:pPr lvl="2" rtl="0"/>
            <a:r>
              <a:rPr lang="zh-TW" altLang="en-US"/>
              <a:t>第三層</a:t>
            </a:r>
          </a:p>
          <a:p>
            <a:pPr lvl="3" rtl="0"/>
            <a:r>
              <a:rPr lang="zh-TW" altLang="en-US"/>
              <a:t>第四層</a:t>
            </a:r>
          </a:p>
          <a:p>
            <a:pPr lvl="4" rtl="0"/>
            <a:r>
              <a:rPr lang="zh-TW" altLang="en-US"/>
              <a:t>第五層</a:t>
            </a:r>
            <a:endParaRPr lang="zh-tw"/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9651C41F-D9A3-457D-A3FA-0A5DBEF4266B}" type="datetime1">
              <a:rPr lang="zh-TW" altLang="en-US" smtClean="0"/>
              <a:t>2021/7/20</a:t>
            </a:fld>
            <a:endParaRPr lang="en-US" dirty="0"/>
          </a:p>
        </p:txBody>
      </p:sp>
      <p:sp>
        <p:nvSpPr>
          <p:cNvPr id="8" name="頁尾版面配置區 7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en-US"/>
          </a:p>
        </p:txBody>
      </p:sp>
      <p:sp>
        <p:nvSpPr>
          <p:cNvPr id="9" name="投影片編號預留位置 8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34B7E4EF-A1BD-40F4-AB7B-04F084DD991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2996071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日期版面配置區 2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A33183BB-2861-4A80-80A6-2C9B82653C78}" type="datetime1">
              <a:rPr lang="zh-TW" altLang="en-US" smtClean="0"/>
              <a:t>2021/7/20</a:t>
            </a:fld>
            <a:endParaRPr 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en-US"/>
          </a:p>
        </p:txBody>
      </p:sp>
      <p:sp>
        <p:nvSpPr>
          <p:cNvPr id="5" name="投影片編號預留位置 4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34B7E4EF-A1BD-40F4-AB7B-04F084DD991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6741314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版面配置區 1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956085DB-A18D-4659-BA29-412FA9C45839}" type="datetime1">
              <a:rPr lang="zh-TW" altLang="en-US" smtClean="0"/>
              <a:t>2021/7/20</a:t>
            </a:fld>
            <a:endParaRPr lang="en-US"/>
          </a:p>
        </p:txBody>
      </p:sp>
      <p:sp>
        <p:nvSpPr>
          <p:cNvPr id="3" name="頁尾版面配置區 2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en-US"/>
          </a:p>
        </p:txBody>
      </p:sp>
      <p:sp>
        <p:nvSpPr>
          <p:cNvPr id="4" name="投影片編號預留位置 3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34B7E4EF-A1BD-40F4-AB7B-04F084DD991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0724712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矩形 9">
            <a:extLst>
              <a:ext uri="{FF2B5EF4-FFF2-40B4-BE49-F238E27FC236}">
                <a16:creationId xmlns:a16="http://schemas.microsoft.com/office/drawing/2014/main" id="{D5E1BBF9-8BEF-4353-BA68-30AAF9EBD8D8}"/>
              </a:ext>
            </a:extLst>
          </p:cNvPr>
          <p:cNvSpPr/>
          <p:nvPr/>
        </p:nvSpPr>
        <p:spPr>
          <a:xfrm>
            <a:off x="8119870" y="237744"/>
            <a:ext cx="3826596" cy="6382512"/>
          </a:xfrm>
          <a:prstGeom prst="rect">
            <a:avLst/>
          </a:prstGeom>
          <a:solidFill>
            <a:schemeClr val="bg1">
              <a:lumMod val="85000"/>
              <a:alpha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13" name="矩形 12">
            <a:extLst>
              <a:ext uri="{FF2B5EF4-FFF2-40B4-BE49-F238E27FC236}">
                <a16:creationId xmlns:a16="http://schemas.microsoft.com/office/drawing/2014/main" id="{5B941C21-2A5D-4912-AB06-1BB0C0EB6AE1}"/>
              </a:ext>
            </a:extLst>
          </p:cNvPr>
          <p:cNvSpPr/>
          <p:nvPr/>
        </p:nvSpPr>
        <p:spPr>
          <a:xfrm>
            <a:off x="8254660" y="374904"/>
            <a:ext cx="3557016" cy="6108192"/>
          </a:xfrm>
          <a:prstGeom prst="rect">
            <a:avLst/>
          </a:prstGeom>
          <a:noFill/>
          <a:ln w="6350" cap="sq">
            <a:solidFill>
              <a:schemeClr val="tx1">
                <a:lumMod val="75000"/>
                <a:lumOff val="25000"/>
              </a:schemeClr>
            </a:solidFill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458200" y="607392"/>
            <a:ext cx="3161963" cy="1645920"/>
          </a:xfrm>
        </p:spPr>
        <p:txBody>
          <a:bodyPr rtlCol="0" anchor="b">
            <a:normAutofit/>
          </a:bodyPr>
          <a:lstStyle>
            <a:lvl1pPr algn="l" defTabSz="914400" rtl="0" eaLnBrk="1" latinLnBrk="0" hangingPunct="1">
              <a:lnSpc>
                <a:spcPct val="100000"/>
              </a:lnSpc>
              <a:spcBef>
                <a:spcPct val="0"/>
              </a:spcBef>
              <a:buNone/>
              <a:defRPr lang="en-US" sz="3200" b="0" kern="1200" cap="none" spc="0" baseline="0" dirty="0">
                <a:solidFill>
                  <a:schemeClr val="tx1"/>
                </a:solidFill>
                <a:effectLst/>
                <a:latin typeface="Microsoft JhengHei UI" panose="020B0604030504040204" pitchFamily="34" charset="-120"/>
                <a:ea typeface="Microsoft JhengHei UI" panose="020B0604030504040204" pitchFamily="34" charset="-120"/>
                <a:cs typeface="+mn-cs"/>
              </a:defRPr>
            </a:lvl1pPr>
          </a:lstStyle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3" name="內容預留位置 2"/>
          <p:cNvSpPr>
            <a:spLocks noGrp="1"/>
          </p:cNvSpPr>
          <p:nvPr>
            <p:ph idx="1"/>
          </p:nvPr>
        </p:nvSpPr>
        <p:spPr>
          <a:xfrm>
            <a:off x="685800" y="609600"/>
            <a:ext cx="6858000" cy="5334000"/>
          </a:xfrm>
        </p:spPr>
        <p:txBody>
          <a:bodyPr rtlCol="0"/>
          <a:lstStyle>
            <a:lvl1pPr>
              <a:defRPr sz="1900"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  <a:lvl2pPr>
              <a:defRPr sz="1600"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2pPr>
            <a:lvl3pPr>
              <a:defRPr sz="1400"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3pPr>
            <a:lvl4pPr>
              <a:defRPr sz="1400"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4pPr>
            <a:lvl5pPr>
              <a:defRPr sz="1400"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  <a:p>
            <a:pPr lvl="1" rtl="0"/>
            <a:r>
              <a:rPr lang="zh-TW" altLang="en-US"/>
              <a:t>第二層</a:t>
            </a:r>
          </a:p>
          <a:p>
            <a:pPr lvl="2" rtl="0"/>
            <a:r>
              <a:rPr lang="zh-TW" altLang="en-US"/>
              <a:t>第三層</a:t>
            </a:r>
          </a:p>
          <a:p>
            <a:pPr lvl="3" rtl="0"/>
            <a:r>
              <a:rPr lang="zh-TW" altLang="en-US"/>
              <a:t>第四層</a:t>
            </a:r>
          </a:p>
          <a:p>
            <a:pPr lvl="4" rtl="0"/>
            <a:r>
              <a:rPr lang="zh-TW" altLang="en-US"/>
              <a:t>第五層</a:t>
            </a:r>
            <a:endParaRPr lang="en-US" dirty="0"/>
          </a:p>
        </p:txBody>
      </p:sp>
      <p:sp>
        <p:nvSpPr>
          <p:cNvPr id="4" name="文字預留位置 3"/>
          <p:cNvSpPr>
            <a:spLocks noGrp="1"/>
          </p:cNvSpPr>
          <p:nvPr>
            <p:ph type="body" sz="half" idx="2"/>
          </p:nvPr>
        </p:nvSpPr>
        <p:spPr>
          <a:xfrm>
            <a:off x="8458200" y="2336800"/>
            <a:ext cx="3161963" cy="3606800"/>
          </a:xfrm>
        </p:spPr>
        <p:txBody>
          <a:bodyPr rtlCol="0">
            <a:normAutofit/>
          </a:bodyPr>
          <a:lstStyle>
            <a:lvl1pPr marL="0" indent="0">
              <a:lnSpc>
                <a:spcPct val="110000"/>
              </a:lnSpc>
              <a:spcBef>
                <a:spcPts val="800"/>
              </a:spcBef>
              <a:buNone/>
              <a:defRPr sz="1800">
                <a:solidFill>
                  <a:schemeClr val="tx1"/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</p:txBody>
      </p:sp>
      <p:sp>
        <p:nvSpPr>
          <p:cNvPr id="8" name="日期版面配置區 7"/>
          <p:cNvSpPr>
            <a:spLocks noGrp="1"/>
          </p:cNvSpPr>
          <p:nvPr>
            <p:ph type="dt" sz="half" idx="10"/>
          </p:nvPr>
        </p:nvSpPr>
        <p:spPr>
          <a:xfrm>
            <a:off x="5588000" y="6035040"/>
            <a:ext cx="1955800" cy="365760"/>
          </a:xfrm>
        </p:spPr>
        <p:txBody>
          <a:bodyPr rtlCol="0"/>
          <a:lstStyle>
            <a:lvl1pPr>
              <a:defRPr>
                <a:solidFill>
                  <a:schemeClr val="tx1">
                    <a:lumMod val="85000"/>
                    <a:lumOff val="15000"/>
                  </a:schemeClr>
                </a:solidFill>
              </a:defRPr>
            </a:lvl1pPr>
          </a:lstStyle>
          <a:p>
            <a:pPr rtl="0"/>
            <a:fld id="{453BEA6C-00E9-40EA-A338-3A3492325C3F}" type="datetime1">
              <a:rPr lang="zh-TW" altLang="en-US" smtClean="0"/>
              <a:t>2021/7/20</a:t>
            </a:fld>
            <a:endParaRPr lang="en-US" dirty="0"/>
          </a:p>
        </p:txBody>
      </p:sp>
      <p:sp>
        <p:nvSpPr>
          <p:cNvPr id="9" name="頁尾版面配置區 8"/>
          <p:cNvSpPr>
            <a:spLocks noGrp="1"/>
          </p:cNvSpPr>
          <p:nvPr>
            <p:ph type="ftr" sz="quarter" idx="11"/>
          </p:nvPr>
        </p:nvSpPr>
        <p:spPr>
          <a:xfrm>
            <a:off x="685801" y="6035040"/>
            <a:ext cx="4584700" cy="365760"/>
          </a:xfrm>
        </p:spPr>
        <p:txBody>
          <a:bodyPr rtlCol="0"/>
          <a:lstStyle>
            <a:lvl1pPr algn="l">
              <a:defRPr/>
            </a:lvl1pPr>
          </a:lstStyle>
          <a:p>
            <a:pPr rtl="0"/>
            <a:endParaRPr lang="en-US" dirty="0"/>
          </a:p>
        </p:txBody>
      </p:sp>
      <p:sp>
        <p:nvSpPr>
          <p:cNvPr id="11" name="投影片編號版面配置區 10"/>
          <p:cNvSpPr>
            <a:spLocks noGrp="1"/>
          </p:cNvSpPr>
          <p:nvPr>
            <p:ph type="sldNum" sz="quarter" idx="12"/>
          </p:nvPr>
        </p:nvSpPr>
        <p:spPr>
          <a:xfrm>
            <a:off x="10396728" y="6035040"/>
            <a:ext cx="1223435" cy="365760"/>
          </a:xfrm>
        </p:spPr>
        <p:txBody>
          <a:bodyPr rtlCol="0"/>
          <a:lstStyle>
            <a:lvl1pPr>
              <a:defRPr>
                <a:solidFill>
                  <a:schemeClr val="tx1">
                    <a:lumMod val="85000"/>
                    <a:lumOff val="15000"/>
                  </a:schemeClr>
                </a:solidFill>
              </a:defRPr>
            </a:lvl1pPr>
          </a:lstStyle>
          <a:p>
            <a:pPr rtl="0"/>
            <a:fld id="{34B7E4EF-A1BD-40F4-AB7B-04F084DD991D}" type="slidenum">
              <a:rPr lang="en-US" smtClean="0"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8860216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矩形 10">
            <a:extLst>
              <a:ext uri="{FF2B5EF4-FFF2-40B4-BE49-F238E27FC236}">
                <a16:creationId xmlns:a16="http://schemas.microsoft.com/office/drawing/2014/main" id="{E687CA98-D9C7-497F-A1DA-7D22F8753BCE}"/>
              </a:ext>
            </a:extLst>
          </p:cNvPr>
          <p:cNvSpPr/>
          <p:nvPr/>
        </p:nvSpPr>
        <p:spPr>
          <a:xfrm>
            <a:off x="8119870" y="237744"/>
            <a:ext cx="3826596" cy="6382512"/>
          </a:xfrm>
          <a:prstGeom prst="rect">
            <a:avLst/>
          </a:prstGeom>
          <a:solidFill>
            <a:schemeClr val="bg1">
              <a:lumMod val="85000"/>
              <a:alpha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3" name="圖片版面配置區 2"/>
          <p:cNvSpPr>
            <a:spLocks noGrp="1" noChangeAspect="1"/>
          </p:cNvSpPr>
          <p:nvPr>
            <p:ph type="pic" idx="1"/>
          </p:nvPr>
        </p:nvSpPr>
        <p:spPr>
          <a:xfrm>
            <a:off x="228599" y="237744"/>
            <a:ext cx="7696201" cy="6382512"/>
          </a:xfrm>
          <a:solidFill>
            <a:schemeClr val="accent1">
              <a:lumMod val="60000"/>
              <a:lumOff val="40000"/>
            </a:schemeClr>
          </a:solidFill>
          <a:ln>
            <a:noFill/>
          </a:ln>
        </p:spPr>
        <p:txBody>
          <a:bodyPr rtlCol="0"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rtl="0"/>
            <a:r>
              <a:rPr lang="zh-TW" altLang="en-US"/>
              <a:t>按一下圖示以新增圖片</a:t>
            </a:r>
            <a:endParaRPr lang="en-US" dirty="0"/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>
          <a:xfrm>
            <a:off x="5662337" y="6035040"/>
            <a:ext cx="2071963" cy="365760"/>
          </a:xfrm>
        </p:spPr>
        <p:txBody>
          <a:bodyPr rtlCol="0"/>
          <a:lstStyle>
            <a:lvl1pPr>
              <a:defRPr b="1">
                <a:solidFill>
                  <a:srgbClr val="FFFFFF"/>
                </a:solidFill>
                <a:effectLst>
                  <a:outerShdw blurRad="19050" dist="6350" dir="2700000" algn="tl" rotWithShape="0">
                    <a:prstClr val="black">
                      <a:alpha val="40000"/>
                    </a:prstClr>
                  </a:outerShdw>
                </a:effectLst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</a:lstStyle>
          <a:p>
            <a:fld id="{0827CC67-2DD7-42FE-B417-D6036783A853}" type="datetime1">
              <a:rPr lang="zh-TW" altLang="en-US" smtClean="0"/>
              <a:t>2021/7/20</a:t>
            </a:fld>
            <a:endParaRPr lang="en-US" dirty="0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>
          <a:xfrm>
            <a:off x="612648" y="6035040"/>
            <a:ext cx="4588002" cy="365760"/>
          </a:xfrm>
        </p:spPr>
        <p:txBody>
          <a:bodyPr rtlCol="0"/>
          <a:lstStyle>
            <a:lvl1pPr marL="0" algn="r" defTabSz="914400" rtl="0" eaLnBrk="1" latinLnBrk="0" hangingPunct="1">
              <a:defRPr lang="en-US" sz="1000" b="1" kern="1200" dirty="0">
                <a:solidFill>
                  <a:srgbClr val="FFFFFF"/>
                </a:solidFill>
                <a:effectLst>
                  <a:outerShdw blurRad="19050" dist="6350" dir="2700000" algn="tl" rotWithShape="0">
                    <a:prstClr val="black">
                      <a:alpha val="40000"/>
                    </a:prstClr>
                  </a:outerShdw>
                </a:effectLst>
                <a:latin typeface="Microsoft JhengHei UI" panose="020B0604030504040204" pitchFamily="34" charset="-120"/>
                <a:ea typeface="Microsoft JhengHei UI" panose="020B0604030504040204" pitchFamily="34" charset="-120"/>
                <a:cs typeface="+mn-cs"/>
              </a:defRPr>
            </a:lvl1pPr>
          </a:lstStyle>
          <a:p>
            <a:pPr algn="l"/>
            <a:endParaRPr lang="zh-TW" altLang="en-US" dirty="0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>
          <a:xfrm>
            <a:off x="10396728" y="6035040"/>
            <a:ext cx="1225296" cy="365760"/>
          </a:xfrm>
        </p:spPr>
        <p:txBody>
          <a:bodyPr rtlCol="0"/>
          <a:lstStyle/>
          <a:p>
            <a:pPr rtl="0"/>
            <a:fld id="{34B7E4EF-A1BD-40F4-AB7B-04F084DD991D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2" name="矩形 11">
            <a:extLst>
              <a:ext uri="{FF2B5EF4-FFF2-40B4-BE49-F238E27FC236}">
                <a16:creationId xmlns:a16="http://schemas.microsoft.com/office/drawing/2014/main" id="{F8B3D8CC-BB13-41A5-8F34-B8E84A4F9534}"/>
              </a:ext>
            </a:extLst>
          </p:cNvPr>
          <p:cNvSpPr/>
          <p:nvPr/>
        </p:nvSpPr>
        <p:spPr>
          <a:xfrm>
            <a:off x="8254660" y="374904"/>
            <a:ext cx="3557016" cy="6108192"/>
          </a:xfrm>
          <a:prstGeom prst="rect">
            <a:avLst/>
          </a:prstGeom>
          <a:noFill/>
          <a:ln w="6350" cap="sq">
            <a:solidFill>
              <a:schemeClr val="tx1">
                <a:lumMod val="75000"/>
                <a:lumOff val="25000"/>
              </a:schemeClr>
            </a:solidFill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477250" y="603504"/>
            <a:ext cx="3144774" cy="1645920"/>
          </a:xfrm>
        </p:spPr>
        <p:txBody>
          <a:bodyPr rtlCol="0" anchor="b">
            <a:noAutofit/>
          </a:bodyPr>
          <a:lstStyle>
            <a:lvl1pPr algn="l">
              <a:lnSpc>
                <a:spcPct val="100000"/>
              </a:lnSpc>
              <a:defRPr sz="3200" b="0">
                <a:solidFill>
                  <a:schemeClr val="tx1"/>
                </a:solidFill>
                <a:latin typeface="+mj-lt"/>
              </a:defRPr>
            </a:lvl1pPr>
          </a:lstStyle>
          <a:p>
            <a:pPr rtl="0"/>
            <a:r>
              <a:rPr lang="zh-TW" altLang="en-US"/>
              <a:t>按一下以編輯母片標題樣式</a:t>
            </a:r>
            <a:endParaRPr lang="en-US" dirty="0"/>
          </a:p>
        </p:txBody>
      </p:sp>
      <p:sp>
        <p:nvSpPr>
          <p:cNvPr id="4" name="文字預留位置 3"/>
          <p:cNvSpPr>
            <a:spLocks noGrp="1"/>
          </p:cNvSpPr>
          <p:nvPr>
            <p:ph type="body" sz="half" idx="2"/>
          </p:nvPr>
        </p:nvSpPr>
        <p:spPr>
          <a:xfrm>
            <a:off x="8477250" y="2386584"/>
            <a:ext cx="3144774" cy="3511296"/>
          </a:xfrm>
        </p:spPr>
        <p:txBody>
          <a:bodyPr rtlCol="0">
            <a:normAutofit/>
          </a:bodyPr>
          <a:lstStyle>
            <a:lvl1pPr marL="0" indent="0" algn="l">
              <a:lnSpc>
                <a:spcPct val="110000"/>
              </a:lnSpc>
              <a:spcBef>
                <a:spcPts val="800"/>
              </a:spcBef>
              <a:buNone/>
              <a:defRPr sz="1800">
                <a:solidFill>
                  <a:schemeClr val="tx1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rtl="0"/>
            <a:r>
              <a:rPr lang="zh-TW" altLang="en-US"/>
              <a:t>按一下以編輯母片文字樣式</a:t>
            </a:r>
          </a:p>
        </p:txBody>
      </p:sp>
    </p:spTree>
    <p:extLst>
      <p:ext uri="{BB962C8B-B14F-4D97-AF65-F5344CB8AC3E}">
        <p14:creationId xmlns:p14="http://schemas.microsoft.com/office/powerpoint/2010/main" val="267822308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 useBgFill="1">
        <p:nvSpPr>
          <p:cNvPr id="9" name="矩形 8">
            <a:extLst>
              <a:ext uri="{FF2B5EF4-FFF2-40B4-BE49-F238E27FC236}">
                <a16:creationId xmlns:a16="http://schemas.microsoft.com/office/drawing/2014/main" id="{1E94681D-2A4C-4A8D-B9B5-31D440D0328D}"/>
              </a:ext>
            </a:extLst>
          </p:cNvPr>
          <p:cNvSpPr/>
          <p:nvPr/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/>
            <a:endParaRPr lang="en-US"/>
          </a:p>
        </p:txBody>
      </p:sp>
      <p:sp>
        <p:nvSpPr>
          <p:cNvPr id="7" name="矩形 6"/>
          <p:cNvSpPr/>
          <p:nvPr/>
        </p:nvSpPr>
        <p:spPr>
          <a:xfrm>
            <a:off x="234696" y="237744"/>
            <a:ext cx="11722608" cy="6382512"/>
          </a:xfrm>
          <a:prstGeom prst="rect">
            <a:avLst/>
          </a:prstGeom>
          <a:solidFill>
            <a:schemeClr val="bg1">
              <a:lumMod val="75000"/>
              <a:alpha val="60000"/>
            </a:schemeClr>
          </a:solidFill>
          <a:ln w="6350" cap="flat" cmpd="sng" algn="ctr">
            <a:noFill/>
            <a:prstDash val="solid"/>
          </a:ln>
          <a:effectLst>
            <a:softEdge rad="0"/>
          </a:effectLst>
        </p:spPr>
      </p:sp>
      <p:sp>
        <p:nvSpPr>
          <p:cNvPr id="8" name="矩形 7"/>
          <p:cNvSpPr/>
          <p:nvPr/>
        </p:nvSpPr>
        <p:spPr>
          <a:xfrm>
            <a:off x="371856" y="374904"/>
            <a:ext cx="11448288" cy="6108192"/>
          </a:xfrm>
          <a:prstGeom prst="rect">
            <a:avLst/>
          </a:prstGeom>
          <a:noFill/>
          <a:ln w="6350" cap="sq" cmpd="sng" algn="ctr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/>
        </p:spPr>
      </p:sp>
      <p:sp>
        <p:nvSpPr>
          <p:cNvPr id="2" name="標題預留位置 1"/>
          <p:cNvSpPr>
            <a:spLocks noGrp="1"/>
          </p:cNvSpPr>
          <p:nvPr>
            <p:ph type="title"/>
          </p:nvPr>
        </p:nvSpPr>
        <p:spPr>
          <a:xfrm>
            <a:off x="1066800" y="642594"/>
            <a:ext cx="10058400" cy="13716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rtl="0"/>
            <a:r>
              <a:rPr lang="zh-tw" dirty="0"/>
              <a:t>按一下以編輯母片標題樣式</a:t>
            </a:r>
            <a:endParaRPr lang="en-US" dirty="0"/>
          </a:p>
        </p:txBody>
      </p:sp>
      <p:sp>
        <p:nvSpPr>
          <p:cNvPr id="3" name="文字預留位置 2"/>
          <p:cNvSpPr>
            <a:spLocks noGrp="1"/>
          </p:cNvSpPr>
          <p:nvPr>
            <p:ph type="body" idx="1"/>
          </p:nvPr>
        </p:nvSpPr>
        <p:spPr>
          <a:xfrm>
            <a:off x="1066800" y="2103120"/>
            <a:ext cx="10058400" cy="384962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 rtl="0"/>
            <a:r>
              <a:rPr lang="zh-tw"/>
              <a:t>按一下以編輯母片文字樣式</a:t>
            </a:r>
          </a:p>
          <a:p>
            <a:pPr lvl="1" rtl="0"/>
            <a:r>
              <a:rPr lang="zh-tw"/>
              <a:t>第二層</a:t>
            </a:r>
          </a:p>
          <a:p>
            <a:pPr lvl="2" rtl="0"/>
            <a:r>
              <a:rPr lang="zh-tw"/>
              <a:t>第三層</a:t>
            </a:r>
          </a:p>
          <a:p>
            <a:pPr lvl="3" rtl="0"/>
            <a:r>
              <a:rPr lang="zh-tw"/>
              <a:t>第四層</a:t>
            </a:r>
          </a:p>
          <a:p>
            <a:pPr lvl="4" rtl="0"/>
            <a:r>
              <a:rPr lang="zh-tw"/>
              <a:t>第五層</a:t>
            </a:r>
            <a:endParaRPr lang="en-US" dirty="0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2"/>
          </p:nvPr>
        </p:nvSpPr>
        <p:spPr>
          <a:xfrm>
            <a:off x="7256794" y="6035040"/>
            <a:ext cx="2893045" cy="36576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800">
                <a:solidFill>
                  <a:schemeClr val="tx1">
                    <a:lumMod val="75000"/>
                    <a:lumOff val="25000"/>
                  </a:schemeClr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</a:lstStyle>
          <a:p>
            <a:fld id="{46C11105-4E24-4682-A6F5-E2BADE4D0872}" type="datetime1">
              <a:rPr lang="zh-TW" altLang="en-US" smtClean="0"/>
              <a:t>2021/7/20</a:t>
            </a:fld>
            <a:endParaRPr lang="en-US" dirty="0"/>
          </a:p>
        </p:txBody>
      </p:sp>
      <p:sp>
        <p:nvSpPr>
          <p:cNvPr id="5" name="頁尾預留位置 4"/>
          <p:cNvSpPr>
            <a:spLocks noGrp="1"/>
          </p:cNvSpPr>
          <p:nvPr>
            <p:ph type="ftr" sz="quarter" idx="3"/>
          </p:nvPr>
        </p:nvSpPr>
        <p:spPr>
          <a:xfrm>
            <a:off x="1066800" y="6035040"/>
            <a:ext cx="5816600" cy="36576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800">
                <a:solidFill>
                  <a:schemeClr val="tx1">
                    <a:lumMod val="85000"/>
                    <a:lumOff val="15000"/>
                  </a:schemeClr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</a:lstStyle>
          <a:p>
            <a:endParaRPr lang="en-US" dirty="0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4"/>
          </p:nvPr>
        </p:nvSpPr>
        <p:spPr>
          <a:xfrm>
            <a:off x="10287000" y="6035040"/>
            <a:ext cx="838200" cy="36576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800">
                <a:solidFill>
                  <a:schemeClr val="tx1">
                    <a:lumMod val="75000"/>
                    <a:lumOff val="25000"/>
                  </a:schemeClr>
                </a:solidFill>
                <a:latin typeface="Microsoft JhengHei UI" panose="020B0604030504040204" pitchFamily="34" charset="-120"/>
                <a:ea typeface="Microsoft JhengHei UI" panose="020B0604030504040204" pitchFamily="34" charset="-120"/>
              </a:defRPr>
            </a:lvl1pPr>
          </a:lstStyle>
          <a:p>
            <a:fld id="{34B7E4EF-A1BD-40F4-AB7B-04F084DD991D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1157763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7" r:id="rId1"/>
    <p:sldLayoutId id="2147483668" r:id="rId2"/>
    <p:sldLayoutId id="2147483669" r:id="rId3"/>
    <p:sldLayoutId id="2147483670" r:id="rId4"/>
    <p:sldLayoutId id="2147483665" r:id="rId5"/>
    <p:sldLayoutId id="2147483671" r:id="rId6"/>
    <p:sldLayoutId id="2147483672" r:id="rId7"/>
    <p:sldLayoutId id="2147483662" r:id="rId8"/>
    <p:sldLayoutId id="2147483663" r:id="rId9"/>
    <p:sldLayoutId id="2147483664" r:id="rId10"/>
    <p:sldLayoutId id="2147483666" r:id="rId11"/>
  </p:sldLayoutIdLst>
  <p:hf sldNum="0" hdr="0" ftr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lang="en-US" sz="4000" i="0" kern="1200" cap="none" spc="0" baseline="0" dirty="0">
          <a:solidFill>
            <a:schemeClr val="tx1">
              <a:lumMod val="85000"/>
              <a:lumOff val="15000"/>
            </a:schemeClr>
          </a:solidFill>
          <a:effectLst/>
          <a:latin typeface="Microsoft JhengHei UI" panose="020B0604030504040204" pitchFamily="34" charset="-120"/>
          <a:ea typeface="Microsoft JhengHei UI" panose="020B0604030504040204" pitchFamily="34" charset="-120"/>
          <a:cs typeface="+mn-cs"/>
        </a:defRPr>
      </a:lvl1pPr>
    </p:titleStyle>
    <p:bodyStyle>
      <a:lvl1pPr marL="182880" indent="-182880" algn="l" defTabSz="914400" rtl="0" eaLnBrk="1" latinLnBrk="0" hangingPunct="1">
        <a:lnSpc>
          <a:spcPct val="110000"/>
        </a:lnSpc>
        <a:spcBef>
          <a:spcPts val="900"/>
        </a:spcBef>
        <a:spcAft>
          <a:spcPts val="0"/>
        </a:spcAft>
        <a:buClr>
          <a:schemeClr val="tx1">
            <a:lumMod val="85000"/>
            <a:lumOff val="15000"/>
          </a:schemeClr>
        </a:buClr>
        <a:buFont typeface="Garamond" pitchFamily="18" charset="0"/>
        <a:buChar char="◦"/>
        <a:defRPr sz="1500" kern="1200">
          <a:solidFill>
            <a:schemeClr val="tx1"/>
          </a:solidFill>
          <a:latin typeface="Microsoft JhengHei UI" panose="020B0604030504040204" pitchFamily="34" charset="-120"/>
          <a:ea typeface="Microsoft JhengHei UI" panose="020B0604030504040204" pitchFamily="34" charset="-120"/>
          <a:cs typeface="+mn-cs"/>
        </a:defRPr>
      </a:lvl1pPr>
      <a:lvl2pPr marL="457200" indent="-182880" algn="l" defTabSz="914400" rtl="0" eaLnBrk="1" latinLnBrk="0" hangingPunct="1">
        <a:lnSpc>
          <a:spcPct val="100000"/>
        </a:lnSpc>
        <a:spcBef>
          <a:spcPts val="500"/>
        </a:spcBef>
        <a:buClr>
          <a:schemeClr val="tx1">
            <a:lumMod val="85000"/>
            <a:lumOff val="15000"/>
          </a:schemeClr>
        </a:buClr>
        <a:buFont typeface="Garamond" pitchFamily="18" charset="0"/>
        <a:buChar char="◦"/>
        <a:defRPr sz="1300" kern="1200">
          <a:solidFill>
            <a:schemeClr val="tx1"/>
          </a:solidFill>
          <a:latin typeface="Microsoft JhengHei UI" panose="020B0604030504040204" pitchFamily="34" charset="-120"/>
          <a:ea typeface="Microsoft JhengHei UI" panose="020B0604030504040204" pitchFamily="34" charset="-120"/>
          <a:cs typeface="+mn-cs"/>
        </a:defRPr>
      </a:lvl2pPr>
      <a:lvl3pPr marL="731520" indent="-182880" algn="l" defTabSz="914400" rtl="0" eaLnBrk="1" latinLnBrk="0" hangingPunct="1">
        <a:lnSpc>
          <a:spcPct val="100000"/>
        </a:lnSpc>
        <a:spcBef>
          <a:spcPts val="500"/>
        </a:spcBef>
        <a:buClr>
          <a:schemeClr val="tx1">
            <a:lumMod val="85000"/>
            <a:lumOff val="15000"/>
          </a:schemeClr>
        </a:buClr>
        <a:buFont typeface="Garamond" pitchFamily="18" charset="0"/>
        <a:buChar char="◦"/>
        <a:defRPr sz="1200" kern="1200">
          <a:solidFill>
            <a:schemeClr val="tx1"/>
          </a:solidFill>
          <a:latin typeface="Microsoft JhengHei UI" panose="020B0604030504040204" pitchFamily="34" charset="-120"/>
          <a:ea typeface="Microsoft JhengHei UI" panose="020B0604030504040204" pitchFamily="34" charset="-120"/>
          <a:cs typeface="+mn-cs"/>
        </a:defRPr>
      </a:lvl3pPr>
      <a:lvl4pPr marL="1005840" indent="-182880" algn="l" defTabSz="914400" rtl="0" eaLnBrk="1" latinLnBrk="0" hangingPunct="1">
        <a:lnSpc>
          <a:spcPct val="100000"/>
        </a:lnSpc>
        <a:spcBef>
          <a:spcPts val="500"/>
        </a:spcBef>
        <a:buClr>
          <a:schemeClr val="tx1">
            <a:lumMod val="85000"/>
            <a:lumOff val="15000"/>
          </a:schemeClr>
        </a:buClr>
        <a:buFont typeface="Garamond" pitchFamily="18" charset="0"/>
        <a:buChar char="◦"/>
        <a:defRPr sz="1200" kern="1200">
          <a:solidFill>
            <a:schemeClr val="tx1"/>
          </a:solidFill>
          <a:latin typeface="Microsoft JhengHei UI" panose="020B0604030504040204" pitchFamily="34" charset="-120"/>
          <a:ea typeface="Microsoft JhengHei UI" panose="020B0604030504040204" pitchFamily="34" charset="-120"/>
          <a:cs typeface="+mn-cs"/>
        </a:defRPr>
      </a:lvl4pPr>
      <a:lvl5pPr marL="1280160" indent="-182880" algn="l" defTabSz="914400" rtl="0" eaLnBrk="1" latinLnBrk="0" hangingPunct="1">
        <a:lnSpc>
          <a:spcPct val="100000"/>
        </a:lnSpc>
        <a:spcBef>
          <a:spcPts val="500"/>
        </a:spcBef>
        <a:buClr>
          <a:schemeClr val="tx1">
            <a:lumMod val="85000"/>
            <a:lumOff val="15000"/>
          </a:schemeClr>
        </a:buClr>
        <a:buFont typeface="Garamond" pitchFamily="18" charset="0"/>
        <a:buChar char="◦"/>
        <a:defRPr sz="1200" kern="1200">
          <a:solidFill>
            <a:schemeClr val="tx1"/>
          </a:solidFill>
          <a:latin typeface="Microsoft JhengHei UI" panose="020B0604030504040204" pitchFamily="34" charset="-120"/>
          <a:ea typeface="Microsoft JhengHei UI" panose="020B0604030504040204" pitchFamily="34" charset="-120"/>
          <a:cs typeface="+mn-cs"/>
        </a:defRPr>
      </a:lvl5pPr>
      <a:lvl6pPr marL="1600000" indent="-228600" algn="l" defTabSz="914400" rtl="0" eaLnBrk="1" latinLnBrk="0" hangingPunct="1">
        <a:lnSpc>
          <a:spcPct val="100000"/>
        </a:lnSpc>
        <a:spcBef>
          <a:spcPts val="500"/>
        </a:spcBef>
        <a:buClr>
          <a:schemeClr val="tx1">
            <a:lumMod val="85000"/>
            <a:lumOff val="15000"/>
          </a:schemeClr>
        </a:buClr>
        <a:buFont typeface="Garamond" pitchFamily="18" charset="0"/>
        <a:buChar char="◦"/>
        <a:defRPr sz="1400" kern="1200">
          <a:solidFill>
            <a:schemeClr val="tx1"/>
          </a:solidFill>
          <a:latin typeface="+mn-lt"/>
          <a:ea typeface="+mn-ea"/>
          <a:cs typeface="+mn-cs"/>
        </a:defRPr>
      </a:lvl6pPr>
      <a:lvl7pPr marL="1900000" indent="-228600" algn="l" defTabSz="914400" rtl="0" eaLnBrk="1" latinLnBrk="0" hangingPunct="1">
        <a:lnSpc>
          <a:spcPct val="100000"/>
        </a:lnSpc>
        <a:spcBef>
          <a:spcPts val="500"/>
        </a:spcBef>
        <a:buClr>
          <a:schemeClr val="tx1">
            <a:lumMod val="85000"/>
            <a:lumOff val="15000"/>
          </a:schemeClr>
        </a:buClr>
        <a:buFont typeface="Garamond" pitchFamily="18" charset="0"/>
        <a:buChar char="◦"/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2200000" indent="-228600" algn="l" defTabSz="914400" rtl="0" eaLnBrk="1" latinLnBrk="0" hangingPunct="1">
        <a:lnSpc>
          <a:spcPct val="100000"/>
        </a:lnSpc>
        <a:spcBef>
          <a:spcPts val="500"/>
        </a:spcBef>
        <a:buClr>
          <a:schemeClr val="tx1">
            <a:lumMod val="85000"/>
            <a:lumOff val="15000"/>
          </a:schemeClr>
        </a:buClr>
        <a:buFont typeface="Garamond" pitchFamily="18" charset="0"/>
        <a:buChar char="◦"/>
        <a:defRPr sz="1400" kern="1200">
          <a:solidFill>
            <a:schemeClr val="tx1"/>
          </a:solidFill>
          <a:latin typeface="+mn-lt"/>
          <a:ea typeface="+mn-ea"/>
          <a:cs typeface="+mn-cs"/>
        </a:defRPr>
      </a:lvl8pPr>
      <a:lvl9pPr marL="2500000" indent="-228600" algn="l" defTabSz="914400" rtl="0" eaLnBrk="1" latinLnBrk="0" hangingPunct="1">
        <a:lnSpc>
          <a:spcPct val="100000"/>
        </a:lnSpc>
        <a:spcBef>
          <a:spcPts val="500"/>
        </a:spcBef>
        <a:buClr>
          <a:schemeClr val="tx1">
            <a:lumMod val="85000"/>
            <a:lumOff val="15000"/>
          </a:schemeClr>
        </a:buClr>
        <a:buFont typeface="Garamond" pitchFamily="18" charset="0"/>
        <a:buChar char="◦"/>
        <a:defRPr sz="14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png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圖片 5" descr="標誌特寫&#10;&#10;自動產生的描述">
            <a:extLst>
              <a:ext uri="{FF2B5EF4-FFF2-40B4-BE49-F238E27FC236}">
                <a16:creationId xmlns:a16="http://schemas.microsoft.com/office/drawing/2014/main" id="{8045422F-7258-40AC-BD2E-2469AA448922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-1"/>
          <a:stretch/>
        </p:blipFill>
        <p:spPr>
          <a:xfrm>
            <a:off x="92298" y="10"/>
            <a:ext cx="12191979" cy="6857990"/>
          </a:xfrm>
          <a:prstGeom prst="rect">
            <a:avLst/>
          </a:prstGeom>
        </p:spPr>
      </p:pic>
      <p:sp>
        <p:nvSpPr>
          <p:cNvPr id="82" name="矩形 81">
            <a:extLst>
              <a:ext uri="{FF2B5EF4-FFF2-40B4-BE49-F238E27FC236}">
                <a16:creationId xmlns:a16="http://schemas.microsoft.com/office/drawing/2014/main" id="{2644B391-9BFE-445C-A9EC-F544BB85FB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5695067" y="1808532"/>
            <a:ext cx="5452527" cy="3240936"/>
          </a:xfrm>
          <a:prstGeom prst="rect">
            <a:avLst/>
          </a:prstGeom>
          <a:solidFill>
            <a:schemeClr val="bg1">
              <a:lumMod val="75000"/>
              <a:lumOff val="25000"/>
            </a:schemeClr>
          </a:solidFill>
          <a:ln w="6350" cap="sq" cmpd="sng" algn="ctr">
            <a:noFill/>
            <a:prstDash val="solid"/>
            <a:miter lim="800000"/>
          </a:ln>
          <a:effectLst/>
        </p:spPr>
      </p:sp>
      <p:sp>
        <p:nvSpPr>
          <p:cNvPr id="84" name="矩形 83">
            <a:extLst>
              <a:ext uri="{FF2B5EF4-FFF2-40B4-BE49-F238E27FC236}">
                <a16:creationId xmlns:a16="http://schemas.microsoft.com/office/drawing/2014/main" id="{80F26E69-87D9-4655-AE7B-280A87AA3CAD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5861010" y="1975104"/>
            <a:ext cx="5120640" cy="2907792"/>
          </a:xfrm>
          <a:prstGeom prst="rect">
            <a:avLst/>
          </a:prstGeom>
          <a:noFill/>
          <a:ln w="6350" cap="sq" cmpd="sng" algn="ctr">
            <a:solidFill>
              <a:schemeClr val="tx1"/>
            </a:solidFill>
            <a:prstDash val="solid"/>
            <a:miter lim="800000"/>
          </a:ln>
          <a:effectLst>
            <a:softEdge rad="0"/>
          </a:effectLst>
        </p:spPr>
      </p:sp>
      <p:sp>
        <p:nvSpPr>
          <p:cNvPr id="2" name="標題 1">
            <a:extLst>
              <a:ext uri="{FF2B5EF4-FFF2-40B4-BE49-F238E27FC236}">
                <a16:creationId xmlns:a16="http://schemas.microsoft.com/office/drawing/2014/main" id="{18C3B467-088C-4F3D-A9A7-105C4E1E20CD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6033793" y="2355458"/>
            <a:ext cx="4775075" cy="1630907"/>
          </a:xfrm>
        </p:spPr>
        <p:txBody>
          <a:bodyPr rtlCol="0">
            <a:normAutofit/>
          </a:bodyPr>
          <a:lstStyle/>
          <a:p>
            <a:pPr rtl="0"/>
            <a:r>
              <a:rPr lang="zh-TW" altLang="en-US" sz="3200" dirty="0">
                <a:solidFill>
                  <a:schemeClr val="tx1"/>
                </a:solidFill>
              </a:rPr>
              <a:t>專題名稱</a:t>
            </a:r>
            <a:r>
              <a:rPr lang="en-US" altLang="zh-TW" sz="3200" dirty="0">
                <a:solidFill>
                  <a:schemeClr val="tx1"/>
                </a:solidFill>
              </a:rPr>
              <a:t>:</a:t>
            </a:r>
            <a:r>
              <a:rPr lang="zh-TW" altLang="en-US" sz="3200" dirty="0">
                <a:solidFill>
                  <a:schemeClr val="tx1"/>
                </a:solidFill>
              </a:rPr>
              <a:t>俄羅斯方塊</a:t>
            </a:r>
            <a:endParaRPr lang="zh-tw" sz="3200" dirty="0">
              <a:solidFill>
                <a:schemeClr val="tx1"/>
              </a:solidFill>
            </a:endParaRPr>
          </a:p>
        </p:txBody>
      </p:sp>
      <p:sp>
        <p:nvSpPr>
          <p:cNvPr id="3" name="副標題 2">
            <a:extLst>
              <a:ext uri="{FF2B5EF4-FFF2-40B4-BE49-F238E27FC236}">
                <a16:creationId xmlns:a16="http://schemas.microsoft.com/office/drawing/2014/main" id="{C8722DDC-8EEE-4A06-8DFE-B44871EAA2CF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6033793" y="3995988"/>
            <a:ext cx="4775075" cy="559656"/>
          </a:xfrm>
        </p:spPr>
        <p:txBody>
          <a:bodyPr rtlCol="0">
            <a:normAutofit/>
          </a:bodyPr>
          <a:lstStyle/>
          <a:p>
            <a:pPr rtl="0">
              <a:spcAft>
                <a:spcPts val="600"/>
              </a:spcAft>
            </a:pPr>
            <a:r>
              <a:rPr lang="zh-TW" altLang="en-US" dirty="0">
                <a:solidFill>
                  <a:schemeClr val="tx1"/>
                </a:solidFill>
              </a:rPr>
              <a:t>製作人</a:t>
            </a:r>
            <a:r>
              <a:rPr lang="en-US" altLang="zh-TW" dirty="0">
                <a:solidFill>
                  <a:schemeClr val="tx1"/>
                </a:solidFill>
              </a:rPr>
              <a:t>:</a:t>
            </a:r>
            <a:r>
              <a:rPr lang="zh-TW" altLang="en-US" dirty="0">
                <a:solidFill>
                  <a:schemeClr val="tx1"/>
                </a:solidFill>
              </a:rPr>
              <a:t>沈毓智</a:t>
            </a:r>
            <a:endParaRPr lang="zh-tw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84280759"/>
      </p:ext>
    </p:extLst>
  </p:cSld>
  <p:clrMapOvr>
    <a:overrideClrMapping bg1="dk1" tx1="lt1" bg2="dk2" tx2="lt2" accent1="accent1" accent2="accent2" accent3="accent3" accent4="accent4" accent5="accent5" accent6="accent6" hlink="hlink" folHlink="folHlink"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網頁排版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 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使用技術</a:t>
            </a:r>
          </a:p>
        </p:txBody>
      </p:sp>
      <p:pic>
        <p:nvPicPr>
          <p:cNvPr id="9" name="圖片 8" descr="一張含有 文字, 急救箱, 標誌 的圖片&#10;&#10;自動產生的描述">
            <a:extLst>
              <a:ext uri="{FF2B5EF4-FFF2-40B4-BE49-F238E27FC236}">
                <a16:creationId xmlns:a16="http://schemas.microsoft.com/office/drawing/2014/main" id="{EB1B0A56-49D6-4B16-AAAB-A34205827DD9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25739" y="2228220"/>
            <a:ext cx="4040697" cy="2367596"/>
          </a:xfrm>
          <a:prstGeom prst="rect">
            <a:avLst/>
          </a:prstGeom>
        </p:spPr>
      </p:pic>
      <p:pic>
        <p:nvPicPr>
          <p:cNvPr id="11" name="圖片 10">
            <a:extLst>
              <a:ext uri="{FF2B5EF4-FFF2-40B4-BE49-F238E27FC236}">
                <a16:creationId xmlns:a16="http://schemas.microsoft.com/office/drawing/2014/main" id="{C8F4AAE7-4100-4908-BBE0-B4E0FD31029F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865764" y="1265881"/>
            <a:ext cx="2714712" cy="2714712"/>
          </a:xfrm>
          <a:prstGeom prst="rect">
            <a:avLst/>
          </a:prstGeom>
        </p:spPr>
      </p:pic>
      <p:sp>
        <p:nvSpPr>
          <p:cNvPr id="12" name="加號 11">
            <a:extLst>
              <a:ext uri="{FF2B5EF4-FFF2-40B4-BE49-F238E27FC236}">
                <a16:creationId xmlns:a16="http://schemas.microsoft.com/office/drawing/2014/main" id="{BBE9D66C-47E9-44A9-A478-64E4BF395EDE}"/>
              </a:ext>
            </a:extLst>
          </p:cNvPr>
          <p:cNvSpPr/>
          <p:nvPr/>
        </p:nvSpPr>
        <p:spPr>
          <a:xfrm>
            <a:off x="5968681" y="2922942"/>
            <a:ext cx="1323888" cy="1191234"/>
          </a:xfrm>
          <a:prstGeom prst="mathPlus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pic>
        <p:nvPicPr>
          <p:cNvPr id="14" name="圖片 13">
            <a:extLst>
              <a:ext uri="{FF2B5EF4-FFF2-40B4-BE49-F238E27FC236}">
                <a16:creationId xmlns:a16="http://schemas.microsoft.com/office/drawing/2014/main" id="{6EE9084B-38DC-4B72-B733-2F85855AAD37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88783" y="3529558"/>
            <a:ext cx="3068674" cy="204578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4568827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2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6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2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0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網頁排版</a:t>
            </a:r>
          </a:p>
        </p:txBody>
      </p:sp>
      <p:pic>
        <p:nvPicPr>
          <p:cNvPr id="3" name="圖片 2">
            <a:extLst>
              <a:ext uri="{FF2B5EF4-FFF2-40B4-BE49-F238E27FC236}">
                <a16:creationId xmlns:a16="http://schemas.microsoft.com/office/drawing/2014/main" id="{C4395D77-5206-4AE6-A825-581D55583B6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603695" y="1239001"/>
            <a:ext cx="8984609" cy="4379997"/>
          </a:xfrm>
          <a:prstGeom prst="rect">
            <a:avLst/>
          </a:prstGeom>
        </p:spPr>
      </p:pic>
      <p:sp>
        <p:nvSpPr>
          <p:cNvPr id="5" name="矩形: 圓角 4">
            <a:extLst>
              <a:ext uri="{FF2B5EF4-FFF2-40B4-BE49-F238E27FC236}">
                <a16:creationId xmlns:a16="http://schemas.microsoft.com/office/drawing/2014/main" id="{6E25CB9E-22A6-48AE-B3A0-5AAB1438CA66}"/>
              </a:ext>
            </a:extLst>
          </p:cNvPr>
          <p:cNvSpPr/>
          <p:nvPr/>
        </p:nvSpPr>
        <p:spPr>
          <a:xfrm>
            <a:off x="1603695" y="1239001"/>
            <a:ext cx="8984609" cy="183712"/>
          </a:xfrm>
          <a:prstGeom prst="round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TW" dirty="0">
                <a:latin typeface="Arial" panose="020B0604020202020204" pitchFamily="34" charset="0"/>
                <a:cs typeface="Arial" panose="020B0604020202020204" pitchFamily="34" charset="0"/>
              </a:rPr>
              <a:t>NAV</a:t>
            </a:r>
            <a:r>
              <a:rPr lang="zh-TW" altLang="en-US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altLang="zh-TW" dirty="0">
                <a:latin typeface="Arial" panose="020B0604020202020204" pitchFamily="34" charset="0"/>
                <a:cs typeface="Arial" panose="020B0604020202020204" pitchFamily="34" charset="0"/>
              </a:rPr>
              <a:t>BAR</a:t>
            </a:r>
            <a:endParaRPr lang="zh-TW" altLang="en-US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" name="矩形 6">
            <a:extLst>
              <a:ext uri="{FF2B5EF4-FFF2-40B4-BE49-F238E27FC236}">
                <a16:creationId xmlns:a16="http://schemas.microsoft.com/office/drawing/2014/main" id="{207BD582-B0EE-4560-BB9A-F966C974E86F}"/>
              </a:ext>
            </a:extLst>
          </p:cNvPr>
          <p:cNvSpPr/>
          <p:nvPr/>
        </p:nvSpPr>
        <p:spPr>
          <a:xfrm>
            <a:off x="1603694" y="1429641"/>
            <a:ext cx="3211586" cy="4196285"/>
          </a:xfrm>
          <a:prstGeom prst="rect">
            <a:avLst/>
          </a:prstGeom>
          <a:solidFill>
            <a:srgbClr val="FFFF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85750" indent="-285750" algn="ctr">
              <a:buFont typeface="Arial" panose="020B0604020202020204" pitchFamily="34" charset="0"/>
              <a:buChar char="•"/>
            </a:pPr>
            <a:r>
              <a:rPr lang="zh-TW" altLang="en-US" dirty="0">
                <a:solidFill>
                  <a:schemeClr val="tx1"/>
                </a:solidFill>
              </a:rPr>
              <a:t>遊戲難度</a:t>
            </a:r>
            <a:endParaRPr lang="en-US" altLang="zh-TW" dirty="0">
              <a:solidFill>
                <a:schemeClr val="tx1"/>
              </a:solidFill>
            </a:endParaRPr>
          </a:p>
          <a:p>
            <a:pPr marL="285750" indent="-285750" algn="ctr">
              <a:buFont typeface="Arial" panose="020B0604020202020204" pitchFamily="34" charset="0"/>
              <a:buChar char="•"/>
            </a:pPr>
            <a:endParaRPr lang="en-US" altLang="zh-TW" dirty="0">
              <a:solidFill>
                <a:schemeClr val="tx1"/>
              </a:solidFill>
            </a:endParaRPr>
          </a:p>
          <a:p>
            <a:pPr marL="285750" indent="-285750" algn="ctr">
              <a:buFont typeface="Arial" panose="020B0604020202020204" pitchFamily="34" charset="0"/>
              <a:buChar char="•"/>
            </a:pPr>
            <a:r>
              <a:rPr lang="zh-TW" altLang="en-US" dirty="0">
                <a:solidFill>
                  <a:schemeClr val="tx1"/>
                </a:solidFill>
              </a:rPr>
              <a:t>遊戲分數</a:t>
            </a:r>
            <a:endParaRPr lang="en-US" altLang="zh-TW" dirty="0">
              <a:solidFill>
                <a:schemeClr val="tx1"/>
              </a:solidFill>
            </a:endParaRPr>
          </a:p>
          <a:p>
            <a:pPr marL="285750" indent="-285750" algn="ctr">
              <a:buFont typeface="Arial" panose="020B0604020202020204" pitchFamily="34" charset="0"/>
              <a:buChar char="•"/>
            </a:pPr>
            <a:endParaRPr lang="en-US" altLang="zh-TW" dirty="0">
              <a:solidFill>
                <a:schemeClr val="tx1"/>
              </a:solidFill>
            </a:endParaRPr>
          </a:p>
          <a:p>
            <a:pPr marL="285750" indent="-285750" algn="ctr">
              <a:buFont typeface="Arial" panose="020B0604020202020204" pitchFamily="34" charset="0"/>
              <a:buChar char="•"/>
            </a:pPr>
            <a:r>
              <a:rPr lang="zh-TW" altLang="en-US" dirty="0">
                <a:solidFill>
                  <a:schemeClr val="tx1"/>
                </a:solidFill>
              </a:rPr>
              <a:t>控制元件</a:t>
            </a:r>
          </a:p>
        </p:txBody>
      </p:sp>
      <p:sp>
        <p:nvSpPr>
          <p:cNvPr id="10" name="矩形 9">
            <a:extLst>
              <a:ext uri="{FF2B5EF4-FFF2-40B4-BE49-F238E27FC236}">
                <a16:creationId xmlns:a16="http://schemas.microsoft.com/office/drawing/2014/main" id="{4532E730-2333-4530-BE01-4D0142DD91CA}"/>
              </a:ext>
            </a:extLst>
          </p:cNvPr>
          <p:cNvSpPr/>
          <p:nvPr/>
        </p:nvSpPr>
        <p:spPr>
          <a:xfrm>
            <a:off x="4815281" y="1422713"/>
            <a:ext cx="2561438" cy="419628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85750" indent="-285750" algn="ctr">
              <a:buFont typeface="Arial" panose="020B0604020202020204" pitchFamily="34" charset="0"/>
              <a:buChar char="•"/>
            </a:pPr>
            <a:r>
              <a:rPr lang="zh-TW" altLang="en-US" dirty="0">
                <a:solidFill>
                  <a:schemeClr val="tx1"/>
                </a:solidFill>
              </a:rPr>
              <a:t>遊戲主體</a:t>
            </a:r>
          </a:p>
        </p:txBody>
      </p:sp>
      <p:sp>
        <p:nvSpPr>
          <p:cNvPr id="11" name="矩形 10">
            <a:extLst>
              <a:ext uri="{FF2B5EF4-FFF2-40B4-BE49-F238E27FC236}">
                <a16:creationId xmlns:a16="http://schemas.microsoft.com/office/drawing/2014/main" id="{54FC9451-FB37-44C8-B259-921F76E5540E}"/>
              </a:ext>
            </a:extLst>
          </p:cNvPr>
          <p:cNvSpPr/>
          <p:nvPr/>
        </p:nvSpPr>
        <p:spPr>
          <a:xfrm>
            <a:off x="7376720" y="1422713"/>
            <a:ext cx="3211583" cy="4203213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85750" indent="-285750" algn="ctr">
              <a:buFont typeface="Arial" panose="020B0604020202020204" pitchFamily="34" charset="0"/>
              <a:buChar char="•"/>
            </a:pPr>
            <a:r>
              <a:rPr lang="zh-TW" altLang="en-US" dirty="0">
                <a:solidFill>
                  <a:schemeClr val="tx1"/>
                </a:solidFill>
              </a:rPr>
              <a:t>遊戲解說</a:t>
            </a:r>
          </a:p>
        </p:txBody>
      </p:sp>
    </p:spTree>
    <p:extLst>
      <p:ext uri="{BB962C8B-B14F-4D97-AF65-F5344CB8AC3E}">
        <p14:creationId xmlns:p14="http://schemas.microsoft.com/office/powerpoint/2010/main" val="206134723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50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2" dur="500"/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網頁排版</a:t>
            </a:r>
          </a:p>
        </p:txBody>
      </p:sp>
      <p:pic>
        <p:nvPicPr>
          <p:cNvPr id="7" name="圖片 6">
            <a:extLst>
              <a:ext uri="{FF2B5EF4-FFF2-40B4-BE49-F238E27FC236}">
                <a16:creationId xmlns:a16="http://schemas.microsoft.com/office/drawing/2014/main" id="{6BE0DAAA-3051-43DA-9C37-B3A0F097FD9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603695" y="1239001"/>
            <a:ext cx="8984609" cy="4379997"/>
          </a:xfrm>
          <a:prstGeom prst="rect">
            <a:avLst/>
          </a:prstGeom>
        </p:spPr>
      </p:pic>
      <p:sp>
        <p:nvSpPr>
          <p:cNvPr id="2" name="矩形: 圓角 1">
            <a:extLst>
              <a:ext uri="{FF2B5EF4-FFF2-40B4-BE49-F238E27FC236}">
                <a16:creationId xmlns:a16="http://schemas.microsoft.com/office/drawing/2014/main" id="{7DA5C33C-576F-4181-9893-3E77B3A3CBC8}"/>
              </a:ext>
            </a:extLst>
          </p:cNvPr>
          <p:cNvSpPr/>
          <p:nvPr/>
        </p:nvSpPr>
        <p:spPr>
          <a:xfrm>
            <a:off x="7449671" y="1488142"/>
            <a:ext cx="2626658" cy="2223246"/>
          </a:xfrm>
          <a:prstGeom prst="roundRect">
            <a:avLst/>
          </a:prstGeom>
          <a:noFill/>
          <a:ln w="28575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9" name="矩形: 圓角 8">
            <a:extLst>
              <a:ext uri="{FF2B5EF4-FFF2-40B4-BE49-F238E27FC236}">
                <a16:creationId xmlns:a16="http://schemas.microsoft.com/office/drawing/2014/main" id="{EF6CEE33-1802-4545-A2BC-1BCA27CC3EA4}"/>
              </a:ext>
            </a:extLst>
          </p:cNvPr>
          <p:cNvSpPr/>
          <p:nvPr/>
        </p:nvSpPr>
        <p:spPr>
          <a:xfrm>
            <a:off x="4007224" y="1488142"/>
            <a:ext cx="3101788" cy="4130856"/>
          </a:xfrm>
          <a:prstGeom prst="roundRect">
            <a:avLst/>
          </a:prstGeom>
          <a:noFill/>
          <a:ln w="28575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0" name="矩形: 圓角 9">
            <a:extLst>
              <a:ext uri="{FF2B5EF4-FFF2-40B4-BE49-F238E27FC236}">
                <a16:creationId xmlns:a16="http://schemas.microsoft.com/office/drawing/2014/main" id="{8F67E651-C89D-4FA4-A58F-AB1D6A7EE04C}"/>
              </a:ext>
            </a:extLst>
          </p:cNvPr>
          <p:cNvSpPr/>
          <p:nvPr/>
        </p:nvSpPr>
        <p:spPr>
          <a:xfrm>
            <a:off x="1667435" y="1488142"/>
            <a:ext cx="2142565" cy="4065436"/>
          </a:xfrm>
          <a:prstGeom prst="roundRect">
            <a:avLst/>
          </a:prstGeom>
          <a:noFill/>
          <a:ln w="28575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3" name="文字方塊 2">
            <a:extLst>
              <a:ext uri="{FF2B5EF4-FFF2-40B4-BE49-F238E27FC236}">
                <a16:creationId xmlns:a16="http://schemas.microsoft.com/office/drawing/2014/main" id="{C912370D-DB37-4C3F-8C91-764D54962A57}"/>
              </a:ext>
            </a:extLst>
          </p:cNvPr>
          <p:cNvSpPr txBox="1"/>
          <p:nvPr/>
        </p:nvSpPr>
        <p:spPr>
          <a:xfrm>
            <a:off x="527932" y="3059667"/>
            <a:ext cx="2712317" cy="738664"/>
          </a:xfrm>
          <a:prstGeom prst="rect">
            <a:avLst/>
          </a:prstGeom>
          <a:solidFill>
            <a:schemeClr val="accent4">
              <a:lumMod val="40000"/>
              <a:lumOff val="60000"/>
            </a:schemeClr>
          </a:solidFill>
        </p:spPr>
        <p:txBody>
          <a:bodyPr wrap="square" rtlCol="0">
            <a:spAutoFit/>
          </a:bodyPr>
          <a:lstStyle/>
          <a:p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等級示意圖以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anvas</a:t>
            </a:r>
            <a:r>
              <a:rPr lang="zh-TW" altLang="en-US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+</a:t>
            </a:r>
            <a:r>
              <a:rPr lang="zh-TW" altLang="en-US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SS+JS </a:t>
            </a:r>
          </a:p>
          <a:p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做出動畫</a:t>
            </a:r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其他圖形元件則用</a:t>
            </a:r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power point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做出</a:t>
            </a:r>
            <a:endParaRPr lang="en-US" altLang="zh-TW" sz="14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11" name="文字方塊 10">
            <a:extLst>
              <a:ext uri="{FF2B5EF4-FFF2-40B4-BE49-F238E27FC236}">
                <a16:creationId xmlns:a16="http://schemas.microsoft.com/office/drawing/2014/main" id="{00F72835-6240-443E-B353-EDA53BABB8FF}"/>
              </a:ext>
            </a:extLst>
          </p:cNvPr>
          <p:cNvSpPr txBox="1"/>
          <p:nvPr/>
        </p:nvSpPr>
        <p:spPr>
          <a:xfrm>
            <a:off x="4053133" y="3520860"/>
            <a:ext cx="3010955" cy="523220"/>
          </a:xfrm>
          <a:prstGeom prst="rect">
            <a:avLst/>
          </a:prstGeom>
          <a:solidFill>
            <a:schemeClr val="accent4">
              <a:lumMod val="40000"/>
              <a:lumOff val="60000"/>
            </a:schemeClr>
          </a:solidFill>
        </p:spPr>
        <p:txBody>
          <a:bodyPr wrap="square" rtlCol="0">
            <a:spAutoFit/>
          </a:bodyPr>
          <a:lstStyle/>
          <a:p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以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power point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做出元件</a:t>
            </a:r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再以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anvas </a:t>
            </a:r>
            <a:r>
              <a:rPr lang="en-US" altLang="zh-TW" sz="14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drawImage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( ) 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繪至指定位置</a:t>
            </a:r>
            <a:endParaRPr lang="en-US" altLang="zh-TW" sz="14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12" name="文字方塊 11">
            <a:extLst>
              <a:ext uri="{FF2B5EF4-FFF2-40B4-BE49-F238E27FC236}">
                <a16:creationId xmlns:a16="http://schemas.microsoft.com/office/drawing/2014/main" id="{48DAD436-27A3-4408-A41B-452AAF22E755}"/>
              </a:ext>
            </a:extLst>
          </p:cNvPr>
          <p:cNvSpPr txBox="1"/>
          <p:nvPr/>
        </p:nvSpPr>
        <p:spPr>
          <a:xfrm>
            <a:off x="7609850" y="3960529"/>
            <a:ext cx="2306300" cy="523220"/>
          </a:xfrm>
          <a:prstGeom prst="rect">
            <a:avLst/>
          </a:prstGeom>
          <a:solidFill>
            <a:schemeClr val="accent4">
              <a:lumMod val="40000"/>
              <a:lumOff val="60000"/>
            </a:schemeClr>
          </a:solidFill>
        </p:spPr>
        <p:txBody>
          <a:bodyPr wrap="square" rtlCol="0">
            <a:spAutoFit/>
          </a:bodyPr>
          <a:lstStyle/>
          <a:p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以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power point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做出元件</a:t>
            </a:r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並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import google font 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字型 </a:t>
            </a:r>
            <a:endParaRPr lang="en-US" altLang="zh-TW" sz="14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5" name="矩形: 圓角 4">
            <a:extLst>
              <a:ext uri="{FF2B5EF4-FFF2-40B4-BE49-F238E27FC236}">
                <a16:creationId xmlns:a16="http://schemas.microsoft.com/office/drawing/2014/main" id="{8A501128-0169-44EF-A6F8-54BEFEC47C47}"/>
              </a:ext>
            </a:extLst>
          </p:cNvPr>
          <p:cNvSpPr/>
          <p:nvPr/>
        </p:nvSpPr>
        <p:spPr>
          <a:xfrm>
            <a:off x="2178424" y="4652682"/>
            <a:ext cx="1559858" cy="555812"/>
          </a:xfrm>
          <a:prstGeom prst="roundRect">
            <a:avLst/>
          </a:prstGeom>
          <a:noFill/>
          <a:ln w="1905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cxnSp>
        <p:nvCxnSpPr>
          <p:cNvPr id="25" name="直線單箭頭接點 24">
            <a:extLst>
              <a:ext uri="{FF2B5EF4-FFF2-40B4-BE49-F238E27FC236}">
                <a16:creationId xmlns:a16="http://schemas.microsoft.com/office/drawing/2014/main" id="{DBF84210-DCC4-4F91-B1D0-8552BE79FCB3}"/>
              </a:ext>
            </a:extLst>
          </p:cNvPr>
          <p:cNvCxnSpPr>
            <a:cxnSpLocks/>
          </p:cNvCxnSpPr>
          <p:nvPr/>
        </p:nvCxnSpPr>
        <p:spPr>
          <a:xfrm rot="10800000" flipV="1">
            <a:off x="1089523" y="4880525"/>
            <a:ext cx="1088482" cy="702559"/>
          </a:xfrm>
          <a:prstGeom prst="bentConnector3">
            <a:avLst>
              <a:gd name="adj1" fmla="val 100171"/>
            </a:avLst>
          </a:prstGeom>
          <a:ln w="19050">
            <a:solidFill>
              <a:schemeClr val="accent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文字方塊 38">
            <a:extLst>
              <a:ext uri="{FF2B5EF4-FFF2-40B4-BE49-F238E27FC236}">
                <a16:creationId xmlns:a16="http://schemas.microsoft.com/office/drawing/2014/main" id="{FF757DC4-CA7D-4C5B-9C6A-ECF341978D28}"/>
              </a:ext>
            </a:extLst>
          </p:cNvPr>
          <p:cNvSpPr txBox="1"/>
          <p:nvPr/>
        </p:nvSpPr>
        <p:spPr>
          <a:xfrm>
            <a:off x="651487" y="5648505"/>
            <a:ext cx="3053033" cy="523220"/>
          </a:xfrm>
          <a:prstGeom prst="rect">
            <a:avLst/>
          </a:prstGeom>
          <a:solidFill>
            <a:schemeClr val="accent4">
              <a:lumMod val="40000"/>
              <a:lumOff val="60000"/>
            </a:schemeClr>
          </a:solidFill>
        </p:spPr>
        <p:txBody>
          <a:bodyPr wrap="square" rtlCol="0">
            <a:spAutoFit/>
          </a:bodyPr>
          <a:lstStyle/>
          <a:p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以</a:t>
            </a:r>
            <a:r>
              <a:rPr lang="en-US" altLang="zh-TW" sz="14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JQuery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en-US" altLang="zh-TW" sz="14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mouseup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( )/</a:t>
            </a:r>
            <a:r>
              <a:rPr lang="en-US" altLang="zh-TW" sz="14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mousedown</a:t>
            </a:r>
            <a:r>
              <a:rPr lang="en-US" altLang="zh-TW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( )</a:t>
            </a:r>
          </a:p>
          <a:p>
            <a:r>
              <a:rPr lang="zh-TW" altLang="en-US" sz="14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做出點擊效果</a:t>
            </a:r>
            <a:endParaRPr lang="en-US" altLang="zh-TW" sz="14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4703919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xit" presetSubtype="0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6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8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500"/>
                            </p:stCondLst>
                            <p:childTnLst>
                              <p:par>
                                <p:cTn id="3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1000"/>
                            </p:stCondLst>
                            <p:childTnLst>
                              <p:par>
                                <p:cTn id="3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500"/>
                            </p:stCondLst>
                            <p:childTnLst>
                              <p:par>
                                <p:cTn id="48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0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9" grpId="0" animBg="1"/>
      <p:bldP spid="10" grpId="0" animBg="1"/>
      <p:bldP spid="3" grpId="0" animBg="1"/>
      <p:bldP spid="11" grpId="0" animBg="1"/>
      <p:bldP spid="12" grpId="0" animBg="1"/>
      <p:bldP spid="5" grpId="0" animBg="1"/>
      <p:bldP spid="5" grpId="1" animBg="1"/>
      <p:bldP spid="39" grpId="1" animBg="1"/>
      <p:bldP spid="39" grpId="2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文字方塊 12">
            <a:extLst>
              <a:ext uri="{FF2B5EF4-FFF2-40B4-BE49-F238E27FC236}">
                <a16:creationId xmlns:a16="http://schemas.microsoft.com/office/drawing/2014/main" id="{7C538B20-9916-407F-B8A8-ED4DB475A388}"/>
              </a:ext>
            </a:extLst>
          </p:cNvPr>
          <p:cNvSpPr txBox="1"/>
          <p:nvPr/>
        </p:nvSpPr>
        <p:spPr>
          <a:xfrm>
            <a:off x="6393815" y="2409075"/>
            <a:ext cx="6094476" cy="120032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→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→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356385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問題與解決方法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方塊旋轉卡牆</a:t>
            </a:r>
          </a:p>
        </p:txBody>
      </p:sp>
      <p:pic>
        <p:nvPicPr>
          <p:cNvPr id="3" name="圖片 2">
            <a:extLst>
              <a:ext uri="{FF2B5EF4-FFF2-40B4-BE49-F238E27FC236}">
                <a16:creationId xmlns:a16="http://schemas.microsoft.com/office/drawing/2014/main" id="{9EA7659C-42D4-40C2-801B-15DD80760046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2071" b="98538" l="4636" r="95585">
                        <a14:foregroundMark x1="13466" y1="7917" x2="49669" y2="48234"/>
                        <a14:foregroundMark x1="49669" y1="48234" x2="49669" y2="48234"/>
                        <a14:foregroundMark x1="61369" y1="14495" x2="31347" y2="83678"/>
                        <a14:foregroundMark x1="76821" y1="26188" x2="37307" y2="75518"/>
                        <a14:foregroundMark x1="80353" y1="16322" x2="92053" y2="41778"/>
                        <a14:foregroundMark x1="95585" y1="3289" x2="92715" y2="87576"/>
                        <a14:foregroundMark x1="92715" y1="87576" x2="81015" y2="96833"/>
                        <a14:foregroundMark x1="81015" y1="96833" x2="19426" y2="96590"/>
                        <a14:foregroundMark x1="19426" y1="96590" x2="3974" y2="74909"/>
                        <a14:foregroundMark x1="3974" y1="74909" x2="12141" y2="37881"/>
                        <a14:foregroundMark x1="12141" y1="37881" x2="2870" y2="6577"/>
                        <a14:foregroundMark x1="2870" y1="6577" x2="24062" y2="3289"/>
                        <a14:foregroundMark x1="24062" y1="3289" x2="55850" y2="3654"/>
                        <a14:foregroundMark x1="55850" y1="3654" x2="87859" y2="3045"/>
                        <a14:foregroundMark x1="87859" y1="3045" x2="93598" y2="3289"/>
                        <a14:foregroundMark x1="44592" y1="2680" x2="57395" y2="2436"/>
                        <a14:foregroundMark x1="94923" y1="2192" x2="94923" y2="2192"/>
                        <a14:foregroundMark x1="94481" y1="90256" x2="71082" y2="97564"/>
                        <a14:foregroundMark x1="71082" y1="97564" x2="18764" y2="97564"/>
                        <a14:foregroundMark x1="18764" y1="97564" x2="4636" y2="84896"/>
                        <a14:foregroundMark x1="4636" y1="84896" x2="5740" y2="81486"/>
                        <a14:foregroundMark x1="5519" y1="20219" x2="4636" y2="63216"/>
                        <a14:foregroundMark x1="5077" y1="2680" x2="22958" y2="3289"/>
                        <a14:foregroundMark x1="94040" y1="86236" x2="90728" y2="97320"/>
                        <a14:foregroundMark x1="90728" y1="97320" x2="15011" y2="98660"/>
                        <a14:foregroundMark x1="15011" y1="98660" x2="15011" y2="98660"/>
                        <a14:foregroundMark x1="4636" y1="77223" x2="6402" y2="90012"/>
                        <a14:foregroundMark x1="6402" y1="90012" x2="14128" y2="98173"/>
                        <a14:foregroundMark x1="5519" y1="92692" x2="5519" y2="97929"/>
                        <a14:foregroundMark x1="95585" y1="93301" x2="94040" y2="98417"/>
                        <a14:foregroundMark x1="34879" y1="2192" x2="62914" y2="3045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722198" y="1265668"/>
            <a:ext cx="2639925" cy="4784501"/>
          </a:xfrm>
          <a:prstGeom prst="rect">
            <a:avLst/>
          </a:prstGeom>
        </p:spPr>
      </p:pic>
      <p:sp>
        <p:nvSpPr>
          <p:cNvPr id="10" name="文字方塊 9">
            <a:extLst>
              <a:ext uri="{FF2B5EF4-FFF2-40B4-BE49-F238E27FC236}">
                <a16:creationId xmlns:a16="http://schemas.microsoft.com/office/drawing/2014/main" id="{D9D17ACA-CF7B-4C5F-9159-1CAFBFFA3B66}"/>
              </a:ext>
            </a:extLst>
          </p:cNvPr>
          <p:cNvSpPr txBox="1"/>
          <p:nvPr/>
        </p:nvSpPr>
        <p:spPr>
          <a:xfrm>
            <a:off x="4722603" y="1859339"/>
            <a:ext cx="6107185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如左圖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方塊在旋轉後會卡入牆中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情況有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3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種 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:</a:t>
            </a: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1.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方塊卡入左牆 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                               用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while( ) 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迴圈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如果方塊會卡牆則讓其</a:t>
            </a:r>
            <a:endParaRPr lang="en-US" altLang="zh-TW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                         向反方向移動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2.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方塊卡入右牆 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3.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方塊卡入以固定在地圖上的其他方塊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                            → 讓方塊維持原轉向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193331432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1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500"/>
                                        <p:tgtEl>
                                          <p:spTgt spid="1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0" dur="500"/>
                                        <p:tgtEl>
                                          <p:spTgt spid="10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422145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問題與解決方法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r>
              <a:rPr lang="zh-TW" altLang="en-US" i="1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解除按鈕焦點</a:t>
            </a:r>
            <a:endParaRPr lang="zh-TW" altLang="en-US" i="1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pic>
        <p:nvPicPr>
          <p:cNvPr id="3" name="圖片 2">
            <a:extLst>
              <a:ext uri="{FF2B5EF4-FFF2-40B4-BE49-F238E27FC236}">
                <a16:creationId xmlns:a16="http://schemas.microsoft.com/office/drawing/2014/main" id="{1585B4A3-F6DD-4569-BEF2-EB1B35DE80E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76882" y="2960505"/>
            <a:ext cx="3045184" cy="936980"/>
          </a:xfrm>
          <a:prstGeom prst="rect">
            <a:avLst/>
          </a:prstGeom>
        </p:spPr>
      </p:pic>
      <p:sp>
        <p:nvSpPr>
          <p:cNvPr id="7" name="文字方塊 6">
            <a:extLst>
              <a:ext uri="{FF2B5EF4-FFF2-40B4-BE49-F238E27FC236}">
                <a16:creationId xmlns:a16="http://schemas.microsoft.com/office/drawing/2014/main" id="{8EB4A429-00C3-4AA1-BAF9-A217EDF00102}"/>
              </a:ext>
            </a:extLst>
          </p:cNvPr>
          <p:cNvSpPr txBox="1"/>
          <p:nvPr/>
        </p:nvSpPr>
        <p:spPr>
          <a:xfrm>
            <a:off x="4347882" y="2360340"/>
            <a:ext cx="6550759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如左圖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按完按鈕後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按鈕會處於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focus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的狀態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此時如果按下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space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或是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Enter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會再次觸發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onclick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的效果 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     → 於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onclick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所使用的函數內使用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blur( )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解除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focus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的   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          狀態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173482648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422145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問題與解決方法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r>
              <a:rPr lang="en-US" altLang="zh-TW" i="1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anvas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動畫製作</a:t>
            </a:r>
          </a:p>
        </p:txBody>
      </p:sp>
      <p:pic>
        <p:nvPicPr>
          <p:cNvPr id="5" name="圖片 4">
            <a:extLst>
              <a:ext uri="{FF2B5EF4-FFF2-40B4-BE49-F238E27FC236}">
                <a16:creationId xmlns:a16="http://schemas.microsoft.com/office/drawing/2014/main" id="{F2773923-D86D-46C1-BFAC-6B7D110B58E6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70000" y="1680214"/>
            <a:ext cx="3400900" cy="1543265"/>
          </a:xfrm>
          <a:prstGeom prst="rect">
            <a:avLst/>
          </a:prstGeom>
        </p:spPr>
      </p:pic>
      <p:sp>
        <p:nvSpPr>
          <p:cNvPr id="11" name="文字方塊 10">
            <a:extLst>
              <a:ext uri="{FF2B5EF4-FFF2-40B4-BE49-F238E27FC236}">
                <a16:creationId xmlns:a16="http://schemas.microsoft.com/office/drawing/2014/main" id="{3F8621F4-AB63-479A-B2F8-E7ADD6EBDAF9}"/>
              </a:ext>
            </a:extLst>
          </p:cNvPr>
          <p:cNvSpPr txBox="1"/>
          <p:nvPr/>
        </p:nvSpPr>
        <p:spPr>
          <a:xfrm>
            <a:off x="5335004" y="1805515"/>
            <a:ext cx="6107185" cy="36933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利用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anvas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畫出貝茲曲線如左圖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再以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fill( )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填滿區域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但是質感不如預期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→ 使用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SS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en-US" altLang="zh-TW" b="0" dirty="0">
                <a:effectLst/>
                <a:latin typeface="Arial" panose="020B0604020202020204" pitchFamily="34" charset="0"/>
                <a:cs typeface="Arial" panose="020B0604020202020204" pitchFamily="34" charset="0"/>
              </a:rPr>
              <a:t>gradient</a:t>
            </a:r>
            <a:r>
              <a:rPr lang="zh-TW" altLang="en-US" dirty="0">
                <a:latin typeface="Arial" panose="020B0604020202020204" pitchFamily="34" charset="0"/>
                <a:cs typeface="Arial" panose="020B0604020202020204" pitchFamily="34" charset="0"/>
              </a:rPr>
              <a:t> 改變 </a:t>
            </a:r>
            <a:r>
              <a:rPr lang="en-US" altLang="zh-TW" dirty="0" err="1">
                <a:latin typeface="Arial" panose="020B0604020202020204" pitchFamily="34" charset="0"/>
                <a:cs typeface="Arial" panose="020B0604020202020204" pitchFamily="34" charset="0"/>
              </a:rPr>
              <a:t>fillStyle</a:t>
            </a:r>
            <a:r>
              <a:rPr lang="en-US" altLang="zh-TW" dirty="0">
                <a:latin typeface="Arial" panose="020B0604020202020204" pitchFamily="34" charset="0"/>
                <a:cs typeface="Arial" panose="020B0604020202020204" pitchFamily="34" charset="0"/>
              </a:rPr>
              <a:t> ,</a:t>
            </a:r>
            <a:r>
              <a:rPr lang="zh-TW" altLang="en-US" dirty="0">
                <a:latin typeface="Arial" panose="020B0604020202020204" pitchFamily="34" charset="0"/>
                <a:cs typeface="Arial" panose="020B0604020202020204" pitchFamily="34" charset="0"/>
              </a:rPr>
              <a:t>並用函數控制顯示區域   </a:t>
            </a:r>
            <a:endParaRPr lang="en-US" altLang="zh-TW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zh-TW" altLang="en-US" b="0" dirty="0">
                <a:effectLst/>
                <a:latin typeface="Arial" panose="020B0604020202020204" pitchFamily="34" charset="0"/>
                <a:cs typeface="Arial" panose="020B0604020202020204" pitchFamily="34" charset="0"/>
              </a:rPr>
              <a:t>     </a:t>
            </a:r>
            <a:r>
              <a:rPr lang="en-US" altLang="zh-TW" b="0" dirty="0">
                <a:effectLst/>
                <a:latin typeface="Arial" panose="020B0604020202020204" pitchFamily="34" charset="0"/>
                <a:cs typeface="Arial" panose="020B0604020202020204" pitchFamily="34" charset="0"/>
              </a:rPr>
              <a:t>gradient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為使顏色呈線性變化的方法</a:t>
            </a:r>
            <a:endParaRPr lang="en-US" altLang="zh-TW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zh-TW" altLang="en-US" dirty="0">
                <a:latin typeface="Arial" panose="020B0604020202020204" pitchFamily="34" charset="0"/>
                <a:cs typeface="Arial" panose="020B0604020202020204" pitchFamily="34" charset="0"/>
              </a:rPr>
              <a:t>     具體做法為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以 </a:t>
            </a:r>
            <a:r>
              <a:rPr lang="en-US" altLang="zh-TW" b="0" dirty="0">
                <a:effectLst/>
                <a:latin typeface="Arial" panose="020B0604020202020204" pitchFamily="34" charset="0"/>
                <a:cs typeface="Arial" panose="020B0604020202020204" pitchFamily="34" charset="0"/>
              </a:rPr>
              <a:t>gradient</a:t>
            </a:r>
            <a:r>
              <a:rPr lang="zh-TW" altLang="en-US" b="0" dirty="0">
                <a:effectLst/>
                <a:latin typeface="Arial" panose="020B0604020202020204" pitchFamily="34" charset="0"/>
                <a:cs typeface="Arial" panose="020B0604020202020204" pitchFamily="34" charset="0"/>
              </a:rPr>
              <a:t> 將圖形分為四個區塊 </a:t>
            </a:r>
            <a:r>
              <a:rPr lang="en-US" altLang="zh-TW" dirty="0">
                <a:latin typeface="Arial" panose="020B0604020202020204" pitchFamily="34" charset="0"/>
                <a:cs typeface="Arial" panose="020B0604020202020204" pitchFamily="34" charset="0"/>
              </a:rPr>
              <a:t>:</a:t>
            </a:r>
          </a:p>
          <a:p>
            <a:endParaRPr lang="en-US" altLang="zh-TW" b="0" dirty="0">
              <a:effectLst/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1.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顏色主體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–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此為橘色</a:t>
            </a:r>
            <a:endParaRPr lang="en-US" altLang="zh-TW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2.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分隔線顏色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–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此為紅色</a:t>
            </a:r>
            <a:endParaRPr lang="en-US" altLang="zh-TW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3.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紅色漸層區域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–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此為紅色線的粗度</a:t>
            </a:r>
            <a:endParaRPr lang="en-US" altLang="zh-TW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4.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透明區域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–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與難度的函數搭配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達成動畫效果 </a:t>
            </a:r>
            <a:endParaRPr lang="en-US" altLang="zh-TW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pic>
        <p:nvPicPr>
          <p:cNvPr id="7" name="圖片 6">
            <a:extLst>
              <a:ext uri="{FF2B5EF4-FFF2-40B4-BE49-F238E27FC236}">
                <a16:creationId xmlns:a16="http://schemas.microsoft.com/office/drawing/2014/main" id="{4165A82D-AF0D-4DBB-A2BD-D2F3340C9F5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70000" y="3897013"/>
            <a:ext cx="3400900" cy="123842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5531146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1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" dur="500"/>
                                        <p:tgtEl>
                                          <p:spTgt spid="11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3" dur="500"/>
                                        <p:tgtEl>
                                          <p:spTgt spid="11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8" dur="500"/>
                                        <p:tgtEl>
                                          <p:spTgt spid="11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3" dur="500"/>
                                        <p:tgtEl>
                                          <p:spTgt spid="11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8" dur="500"/>
                                        <p:tgtEl>
                                          <p:spTgt spid="11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矩形 2">
            <a:extLst>
              <a:ext uri="{FF2B5EF4-FFF2-40B4-BE49-F238E27FC236}">
                <a16:creationId xmlns:a16="http://schemas.microsoft.com/office/drawing/2014/main" id="{4F692B9C-DA6E-4117-A919-58E38C9C7159}"/>
              </a:ext>
            </a:extLst>
          </p:cNvPr>
          <p:cNvSpPr/>
          <p:nvPr/>
        </p:nvSpPr>
        <p:spPr>
          <a:xfrm>
            <a:off x="390525" y="2434321"/>
            <a:ext cx="11420476" cy="1343025"/>
          </a:xfrm>
          <a:prstGeom prst="rect">
            <a:avLst/>
          </a:prstGeom>
          <a:gradFill flip="none" rotWithShape="1">
            <a:gsLst>
              <a:gs pos="0">
                <a:schemeClr val="accent3">
                  <a:lumMod val="40000"/>
                  <a:lumOff val="60000"/>
                  <a:tint val="66000"/>
                  <a:satMod val="160000"/>
                </a:schemeClr>
              </a:gs>
              <a:gs pos="50000">
                <a:schemeClr val="accent3">
                  <a:lumMod val="40000"/>
                  <a:lumOff val="60000"/>
                  <a:tint val="44500"/>
                  <a:satMod val="160000"/>
                </a:schemeClr>
              </a:gs>
              <a:gs pos="100000">
                <a:schemeClr val="accent3">
                  <a:lumMod val="40000"/>
                  <a:lumOff val="60000"/>
                  <a:tint val="23500"/>
                  <a:satMod val="160000"/>
                </a:schemeClr>
              </a:gs>
            </a:gsLst>
            <a:path path="circle">
              <a:fillToRect t="100000" r="100000"/>
            </a:path>
            <a:tileRect l="-100000" b="-10000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sp>
        <p:nvSpPr>
          <p:cNvPr id="2" name="文字方塊 1">
            <a:extLst>
              <a:ext uri="{FF2B5EF4-FFF2-40B4-BE49-F238E27FC236}">
                <a16:creationId xmlns:a16="http://schemas.microsoft.com/office/drawing/2014/main" id="{DC582FA6-5529-42D6-8C22-AB6E327D92F8}"/>
              </a:ext>
            </a:extLst>
          </p:cNvPr>
          <p:cNvSpPr txBox="1"/>
          <p:nvPr/>
        </p:nvSpPr>
        <p:spPr>
          <a:xfrm>
            <a:off x="3626223" y="2782669"/>
            <a:ext cx="493955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36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謝謝觀賞</a:t>
            </a:r>
            <a:r>
              <a:rPr lang="en-US" altLang="zh-TW" sz="36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~</a:t>
            </a:r>
            <a:endParaRPr lang="zh-TW" altLang="en-US" sz="36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92208746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sp>
        <p:nvSpPr>
          <p:cNvPr id="2" name="文字方塊 1">
            <a:extLst>
              <a:ext uri="{FF2B5EF4-FFF2-40B4-BE49-F238E27FC236}">
                <a16:creationId xmlns:a16="http://schemas.microsoft.com/office/drawing/2014/main" id="{CCF85005-DB84-4C71-9566-5D0A50B35E8B}"/>
              </a:ext>
            </a:extLst>
          </p:cNvPr>
          <p:cNvSpPr txBox="1"/>
          <p:nvPr/>
        </p:nvSpPr>
        <p:spPr>
          <a:xfrm>
            <a:off x="6668408" y="1196054"/>
            <a:ext cx="3481431" cy="31085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endParaRPr lang="en-US" altLang="zh-TW" sz="28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pPr algn="ctr"/>
            <a:endParaRPr lang="en-US" altLang="zh-TW" sz="28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pPr marL="342900" indent="-342900">
              <a:buFont typeface="+mj-lt"/>
              <a:buAutoNum type="arabicPeriod"/>
            </a:pPr>
            <a:r>
              <a:rPr lang="zh-TW" altLang="en-US" sz="2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程式架構</a:t>
            </a:r>
            <a:endParaRPr lang="en-US" altLang="zh-TW" sz="28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pPr marL="342900" indent="-342900">
              <a:buFont typeface="+mj-lt"/>
              <a:buAutoNum type="arabicPeriod"/>
            </a:pPr>
            <a:endParaRPr lang="en-US" altLang="zh-TW" sz="28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pPr marL="342900" indent="-342900">
              <a:buFont typeface="+mj-lt"/>
              <a:buAutoNum type="arabicPeriod"/>
            </a:pPr>
            <a:r>
              <a:rPr lang="zh-TW" altLang="en-US" sz="2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網頁排版</a:t>
            </a:r>
            <a:endParaRPr lang="en-US" altLang="zh-TW" sz="28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pPr marL="342900" indent="-342900">
              <a:buFont typeface="+mj-lt"/>
              <a:buAutoNum type="arabicPeriod"/>
            </a:pPr>
            <a:endParaRPr lang="en-US" altLang="zh-TW" sz="28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pPr marL="342900" indent="-342900">
              <a:buFont typeface="+mj-lt"/>
              <a:buAutoNum type="arabicPeriod"/>
            </a:pPr>
            <a:r>
              <a:rPr lang="zh-TW" altLang="en-US" sz="2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問題與解決方法</a:t>
            </a:r>
            <a:endParaRPr lang="en-US" altLang="zh-TW" sz="28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5" name="等腰三角形 4">
            <a:extLst>
              <a:ext uri="{FF2B5EF4-FFF2-40B4-BE49-F238E27FC236}">
                <a16:creationId xmlns:a16="http://schemas.microsoft.com/office/drawing/2014/main" id="{DF6E0E16-9344-4AFB-B2BA-85FDCE8BEE3B}"/>
              </a:ext>
            </a:extLst>
          </p:cNvPr>
          <p:cNvSpPr/>
          <p:nvPr/>
        </p:nvSpPr>
        <p:spPr>
          <a:xfrm>
            <a:off x="406864" y="390087"/>
            <a:ext cx="4643307" cy="6077825"/>
          </a:xfrm>
          <a:prstGeom prst="triangle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6" name="矩形 5">
            <a:extLst>
              <a:ext uri="{FF2B5EF4-FFF2-40B4-BE49-F238E27FC236}">
                <a16:creationId xmlns:a16="http://schemas.microsoft.com/office/drawing/2014/main" id="{8BA98A5D-E1B5-4E4E-B467-F32C5655657D}"/>
              </a:ext>
            </a:extLst>
          </p:cNvPr>
          <p:cNvSpPr/>
          <p:nvPr/>
        </p:nvSpPr>
        <p:spPr>
          <a:xfrm>
            <a:off x="394282" y="390087"/>
            <a:ext cx="2332139" cy="607782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7" name="文字方塊 6">
            <a:extLst>
              <a:ext uri="{FF2B5EF4-FFF2-40B4-BE49-F238E27FC236}">
                <a16:creationId xmlns:a16="http://schemas.microsoft.com/office/drawing/2014/main" id="{ABE01819-8941-4F49-AC89-6E7B255AEBDF}"/>
              </a:ext>
            </a:extLst>
          </p:cNvPr>
          <p:cNvSpPr txBox="1"/>
          <p:nvPr/>
        </p:nvSpPr>
        <p:spPr>
          <a:xfrm>
            <a:off x="1157679" y="2782668"/>
            <a:ext cx="151001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36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目錄</a:t>
            </a:r>
          </a:p>
        </p:txBody>
      </p:sp>
    </p:spTree>
    <p:extLst>
      <p:ext uri="{BB962C8B-B14F-4D97-AF65-F5344CB8AC3E}">
        <p14:creationId xmlns:p14="http://schemas.microsoft.com/office/powerpoint/2010/main" val="23806416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程式架構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- 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使用技術</a:t>
            </a:r>
          </a:p>
        </p:txBody>
      </p:sp>
      <p:pic>
        <p:nvPicPr>
          <p:cNvPr id="10" name="圖片 9">
            <a:extLst>
              <a:ext uri="{FF2B5EF4-FFF2-40B4-BE49-F238E27FC236}">
                <a16:creationId xmlns:a16="http://schemas.microsoft.com/office/drawing/2014/main" id="{26093A63-C6BD-4558-8099-9297B59A2362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0000" y="1954585"/>
            <a:ext cx="2948829" cy="2948829"/>
          </a:xfrm>
          <a:prstGeom prst="rect">
            <a:avLst/>
          </a:prstGeom>
        </p:spPr>
      </p:pic>
      <p:sp>
        <p:nvSpPr>
          <p:cNvPr id="11" name="文字方塊 10">
            <a:extLst>
              <a:ext uri="{FF2B5EF4-FFF2-40B4-BE49-F238E27FC236}">
                <a16:creationId xmlns:a16="http://schemas.microsoft.com/office/drawing/2014/main" id="{E6C2C149-B1C6-4FF0-999A-E9002B2BC5B6}"/>
              </a:ext>
            </a:extLst>
          </p:cNvPr>
          <p:cNvSpPr txBox="1"/>
          <p:nvPr/>
        </p:nvSpPr>
        <p:spPr>
          <a:xfrm>
            <a:off x="4848836" y="2551836"/>
            <a:ext cx="6107185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俄羅斯方塊主要程式邏輯是以</a:t>
            </a:r>
            <a:r>
              <a:rPr lang="en-US" altLang="zh-TW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javaScript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產生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以一維陣列儲存遊戲地圖的資料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三維陣列代表方塊的型態和轉向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並用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function()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完成資料的轉換作為遊戲操作</a:t>
            </a:r>
          </a:p>
        </p:txBody>
      </p:sp>
    </p:spTree>
    <p:extLst>
      <p:ext uri="{BB962C8B-B14F-4D97-AF65-F5344CB8AC3E}">
        <p14:creationId xmlns:p14="http://schemas.microsoft.com/office/powerpoint/2010/main" val="398722822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程式架構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 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方塊陣列</a:t>
            </a:r>
          </a:p>
        </p:txBody>
      </p:sp>
      <p:graphicFrame>
        <p:nvGraphicFramePr>
          <p:cNvPr id="2" name="表格 1">
            <a:extLst>
              <a:ext uri="{FF2B5EF4-FFF2-40B4-BE49-F238E27FC236}">
                <a16:creationId xmlns:a16="http://schemas.microsoft.com/office/drawing/2014/main" id="{29243BCF-9586-4E80-86EC-9B4378A04C0D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223475001"/>
              </p:ext>
            </p:extLst>
          </p:nvPr>
        </p:nvGraphicFramePr>
        <p:xfrm>
          <a:off x="637330" y="1193990"/>
          <a:ext cx="1270000" cy="111506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7500">
                  <a:extLst>
                    <a:ext uri="{9D8B030D-6E8A-4147-A177-3AD203B41FA5}">
                      <a16:colId xmlns:a16="http://schemas.microsoft.com/office/drawing/2014/main" val="1073047873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727611732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1410950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3543202931"/>
                    </a:ext>
                  </a:extLst>
                </a:gridCol>
              </a:tblGrid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167599423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114701646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630121998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6207417"/>
                  </a:ext>
                </a:extLst>
              </a:tr>
            </a:tbl>
          </a:graphicData>
        </a:graphic>
      </p:graphicFrame>
      <p:graphicFrame>
        <p:nvGraphicFramePr>
          <p:cNvPr id="7" name="表格 6">
            <a:extLst>
              <a:ext uri="{FF2B5EF4-FFF2-40B4-BE49-F238E27FC236}">
                <a16:creationId xmlns:a16="http://schemas.microsoft.com/office/drawing/2014/main" id="{77609318-8F12-47C6-869F-B40E3322BD3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16921819"/>
              </p:ext>
            </p:extLst>
          </p:nvPr>
        </p:nvGraphicFramePr>
        <p:xfrm>
          <a:off x="2173913" y="1193990"/>
          <a:ext cx="1270000" cy="111506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7500">
                  <a:extLst>
                    <a:ext uri="{9D8B030D-6E8A-4147-A177-3AD203B41FA5}">
                      <a16:colId xmlns:a16="http://schemas.microsoft.com/office/drawing/2014/main" val="1073047873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727611732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1410950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3543202931"/>
                    </a:ext>
                  </a:extLst>
                </a:gridCol>
              </a:tblGrid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167599423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114701646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630121998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66207417"/>
                  </a:ext>
                </a:extLst>
              </a:tr>
            </a:tbl>
          </a:graphicData>
        </a:graphic>
      </p:graphicFrame>
      <p:graphicFrame>
        <p:nvGraphicFramePr>
          <p:cNvPr id="9" name="表格 8">
            <a:extLst>
              <a:ext uri="{FF2B5EF4-FFF2-40B4-BE49-F238E27FC236}">
                <a16:creationId xmlns:a16="http://schemas.microsoft.com/office/drawing/2014/main" id="{C9F0544A-2A49-4025-9E95-2C91D52E3D97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77555799"/>
              </p:ext>
            </p:extLst>
          </p:nvPr>
        </p:nvGraphicFramePr>
        <p:xfrm>
          <a:off x="648748" y="2496360"/>
          <a:ext cx="1270000" cy="111506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7500">
                  <a:extLst>
                    <a:ext uri="{9D8B030D-6E8A-4147-A177-3AD203B41FA5}">
                      <a16:colId xmlns:a16="http://schemas.microsoft.com/office/drawing/2014/main" val="1073047873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727611732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1410950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3543202931"/>
                    </a:ext>
                  </a:extLst>
                </a:gridCol>
              </a:tblGrid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167599423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114701646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630121998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66207417"/>
                  </a:ext>
                </a:extLst>
              </a:tr>
            </a:tbl>
          </a:graphicData>
        </a:graphic>
      </p:graphicFrame>
      <p:graphicFrame>
        <p:nvGraphicFramePr>
          <p:cNvPr id="10" name="表格 9">
            <a:extLst>
              <a:ext uri="{FF2B5EF4-FFF2-40B4-BE49-F238E27FC236}">
                <a16:creationId xmlns:a16="http://schemas.microsoft.com/office/drawing/2014/main" id="{68AD481D-4EA0-49DF-AC8A-10E2BD91DD31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748305058"/>
              </p:ext>
            </p:extLst>
          </p:nvPr>
        </p:nvGraphicFramePr>
        <p:xfrm>
          <a:off x="2173913" y="2496360"/>
          <a:ext cx="1270000" cy="111506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7500">
                  <a:extLst>
                    <a:ext uri="{9D8B030D-6E8A-4147-A177-3AD203B41FA5}">
                      <a16:colId xmlns:a16="http://schemas.microsoft.com/office/drawing/2014/main" val="1073047873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727611732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1410950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3543202931"/>
                    </a:ext>
                  </a:extLst>
                </a:gridCol>
              </a:tblGrid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167599423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114701646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630121998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6207417"/>
                  </a:ext>
                </a:extLst>
              </a:tr>
            </a:tbl>
          </a:graphicData>
        </a:graphic>
      </p:graphicFrame>
      <p:graphicFrame>
        <p:nvGraphicFramePr>
          <p:cNvPr id="11" name="表格 10">
            <a:extLst>
              <a:ext uri="{FF2B5EF4-FFF2-40B4-BE49-F238E27FC236}">
                <a16:creationId xmlns:a16="http://schemas.microsoft.com/office/drawing/2014/main" id="{CFBF281C-81D5-42C3-86F0-EE6D31BF7F74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049768992"/>
              </p:ext>
            </p:extLst>
          </p:nvPr>
        </p:nvGraphicFramePr>
        <p:xfrm>
          <a:off x="648748" y="3798730"/>
          <a:ext cx="1270000" cy="111506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7500">
                  <a:extLst>
                    <a:ext uri="{9D8B030D-6E8A-4147-A177-3AD203B41FA5}">
                      <a16:colId xmlns:a16="http://schemas.microsoft.com/office/drawing/2014/main" val="1073047873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727611732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1410950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3543202931"/>
                    </a:ext>
                  </a:extLst>
                </a:gridCol>
              </a:tblGrid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167599423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114701646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630121998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66207417"/>
                  </a:ext>
                </a:extLst>
              </a:tr>
            </a:tbl>
          </a:graphicData>
        </a:graphic>
      </p:graphicFrame>
      <p:graphicFrame>
        <p:nvGraphicFramePr>
          <p:cNvPr id="12" name="表格 11">
            <a:extLst>
              <a:ext uri="{FF2B5EF4-FFF2-40B4-BE49-F238E27FC236}">
                <a16:creationId xmlns:a16="http://schemas.microsoft.com/office/drawing/2014/main" id="{312B9C38-EE37-401A-B47A-1CC34BEA1057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606255313"/>
              </p:ext>
            </p:extLst>
          </p:nvPr>
        </p:nvGraphicFramePr>
        <p:xfrm>
          <a:off x="2173913" y="3798730"/>
          <a:ext cx="1270000" cy="111506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7500">
                  <a:extLst>
                    <a:ext uri="{9D8B030D-6E8A-4147-A177-3AD203B41FA5}">
                      <a16:colId xmlns:a16="http://schemas.microsoft.com/office/drawing/2014/main" val="1073047873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727611732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1410950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3543202931"/>
                    </a:ext>
                  </a:extLst>
                </a:gridCol>
              </a:tblGrid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167599423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114701646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630121998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66207417"/>
                  </a:ext>
                </a:extLst>
              </a:tr>
            </a:tbl>
          </a:graphicData>
        </a:graphic>
      </p:graphicFrame>
      <p:graphicFrame>
        <p:nvGraphicFramePr>
          <p:cNvPr id="13" name="表格 12">
            <a:extLst>
              <a:ext uri="{FF2B5EF4-FFF2-40B4-BE49-F238E27FC236}">
                <a16:creationId xmlns:a16="http://schemas.microsoft.com/office/drawing/2014/main" id="{4D00191B-F61C-41DD-9526-CADDCBB389F1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30142461"/>
              </p:ext>
            </p:extLst>
          </p:nvPr>
        </p:nvGraphicFramePr>
        <p:xfrm>
          <a:off x="637330" y="5101100"/>
          <a:ext cx="1270000" cy="111506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7500">
                  <a:extLst>
                    <a:ext uri="{9D8B030D-6E8A-4147-A177-3AD203B41FA5}">
                      <a16:colId xmlns:a16="http://schemas.microsoft.com/office/drawing/2014/main" val="1073047873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727611732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1410950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3543202931"/>
                    </a:ext>
                  </a:extLst>
                </a:gridCol>
              </a:tblGrid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167599423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114701646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630121998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6207417"/>
                  </a:ext>
                </a:extLst>
              </a:tr>
            </a:tbl>
          </a:graphicData>
        </a:graphic>
      </p:graphicFrame>
      <p:sp>
        <p:nvSpPr>
          <p:cNvPr id="14" name="文字方塊 13">
            <a:extLst>
              <a:ext uri="{FF2B5EF4-FFF2-40B4-BE49-F238E27FC236}">
                <a16:creationId xmlns:a16="http://schemas.microsoft.com/office/drawing/2014/main" id="{CA00BC8F-C062-438B-82DC-D42AFCBCD2DE}"/>
              </a:ext>
            </a:extLst>
          </p:cNvPr>
          <p:cNvSpPr txBox="1"/>
          <p:nvPr/>
        </p:nvSpPr>
        <p:spPr>
          <a:xfrm>
            <a:off x="4932726" y="2321402"/>
            <a:ext cx="6107185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如上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以三維陣列代表方塊在地圖上所表現的型態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並以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length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=16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的一維陣列代表圖形在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4X4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方格中的狀態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方塊共有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7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種型態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[0-6]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、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4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種轉向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[0-3]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、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16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個數據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[0-15]</a:t>
            </a: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以下圖表示圖形在陣列中的型態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zh-TW" altLang="en-US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3" name="文字方塊 2">
            <a:extLst>
              <a:ext uri="{FF2B5EF4-FFF2-40B4-BE49-F238E27FC236}">
                <a16:creationId xmlns:a16="http://schemas.microsoft.com/office/drawing/2014/main" id="{3026C7E4-2E43-4E11-B569-2A48C7750880}"/>
              </a:ext>
            </a:extLst>
          </p:cNvPr>
          <p:cNvSpPr txBox="1"/>
          <p:nvPr/>
        </p:nvSpPr>
        <p:spPr>
          <a:xfrm>
            <a:off x="5335396" y="1551465"/>
            <a:ext cx="423644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方塊陣列 </a:t>
            </a:r>
            <a:r>
              <a:rPr lang="en-US" altLang="zh-TW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= [</a:t>
            </a:r>
            <a:r>
              <a:rPr lang="zh-TW" altLang="en-US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型態</a:t>
            </a:r>
            <a:r>
              <a:rPr lang="en-US" altLang="zh-TW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][</a:t>
            </a:r>
            <a:r>
              <a:rPr lang="zh-TW" altLang="en-US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轉向</a:t>
            </a:r>
            <a:r>
              <a:rPr lang="en-US" altLang="zh-TW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][</a:t>
            </a:r>
            <a:r>
              <a:rPr lang="zh-TW" altLang="en-US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圖形資訊</a:t>
            </a:r>
            <a:r>
              <a:rPr lang="en-US" altLang="zh-TW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]</a:t>
            </a:r>
            <a:endParaRPr lang="zh-TW" altLang="en-US" sz="20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graphicFrame>
        <p:nvGraphicFramePr>
          <p:cNvPr id="16" name="表格 15">
            <a:extLst>
              <a:ext uri="{FF2B5EF4-FFF2-40B4-BE49-F238E27FC236}">
                <a16:creationId xmlns:a16="http://schemas.microsoft.com/office/drawing/2014/main" id="{FE25824E-EA27-462F-9762-FA992AA4877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599647005"/>
              </p:ext>
            </p:extLst>
          </p:nvPr>
        </p:nvGraphicFramePr>
        <p:xfrm>
          <a:off x="5720211" y="4540926"/>
          <a:ext cx="1270000" cy="111506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7500">
                  <a:extLst>
                    <a:ext uri="{9D8B030D-6E8A-4147-A177-3AD203B41FA5}">
                      <a16:colId xmlns:a16="http://schemas.microsoft.com/office/drawing/2014/main" val="1975416430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4199091027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3440474225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122592137"/>
                    </a:ext>
                  </a:extLst>
                </a:gridCol>
              </a:tblGrid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0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1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 dirty="0">
                          <a:effectLst/>
                        </a:rPr>
                        <a:t>2</a:t>
                      </a:r>
                      <a:endParaRPr lang="en-US" altLang="zh-TW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3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2786699974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4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 dirty="0">
                          <a:effectLst/>
                        </a:rPr>
                        <a:t>5</a:t>
                      </a:r>
                      <a:endParaRPr lang="en-US" altLang="zh-TW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6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 dirty="0">
                          <a:effectLst/>
                        </a:rPr>
                        <a:t>7</a:t>
                      </a:r>
                      <a:endParaRPr lang="en-US" altLang="zh-TW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4217573871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8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9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10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11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2226417737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12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13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>
                          <a:effectLst/>
                        </a:rPr>
                        <a:t>14</a:t>
                      </a:r>
                      <a:endParaRPr lang="en-US" altLang="zh-TW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1200" u="none" strike="noStrike" dirty="0">
                          <a:effectLst/>
                        </a:rPr>
                        <a:t>15</a:t>
                      </a:r>
                      <a:endParaRPr lang="en-US" altLang="zh-TW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799812726"/>
                  </a:ext>
                </a:extLst>
              </a:tr>
            </a:tbl>
          </a:graphicData>
        </a:graphic>
      </p:graphicFrame>
      <p:sp>
        <p:nvSpPr>
          <p:cNvPr id="18" name="文字方塊 17">
            <a:extLst>
              <a:ext uri="{FF2B5EF4-FFF2-40B4-BE49-F238E27FC236}">
                <a16:creationId xmlns:a16="http://schemas.microsoft.com/office/drawing/2014/main" id="{23EE8DFD-2DB0-43A0-8CAF-D9E45328602E}"/>
              </a:ext>
            </a:extLst>
          </p:cNvPr>
          <p:cNvSpPr txBox="1"/>
          <p:nvPr/>
        </p:nvSpPr>
        <p:spPr>
          <a:xfrm>
            <a:off x="7189464" y="4925310"/>
            <a:ext cx="3507291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altLang="zh-TW" sz="1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=</a:t>
            </a:r>
            <a:r>
              <a:rPr lang="zh-TW" altLang="en-US" sz="1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r>
              <a:rPr lang="en-US" altLang="zh-TW" sz="1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[</a:t>
            </a:r>
            <a:r>
              <a:rPr lang="zh-TW" altLang="en-US" sz="1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型態</a:t>
            </a:r>
            <a:r>
              <a:rPr lang="en-US" altLang="zh-TW" sz="1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][</a:t>
            </a:r>
            <a:r>
              <a:rPr lang="zh-TW" altLang="en-US" sz="1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轉向</a:t>
            </a:r>
            <a:r>
              <a:rPr lang="en-US" altLang="zh-TW" sz="1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][0,1,2,3,….15]</a:t>
            </a:r>
            <a:endParaRPr lang="zh-TW" altLang="en-US" dirty="0"/>
          </a:p>
        </p:txBody>
      </p:sp>
    </p:spTree>
    <p:extLst>
      <p:ext uri="{BB962C8B-B14F-4D97-AF65-F5344CB8AC3E}">
        <p14:creationId xmlns:p14="http://schemas.microsoft.com/office/powerpoint/2010/main" val="35009281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程式架構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 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地圖陣列</a:t>
            </a:r>
          </a:p>
        </p:txBody>
      </p:sp>
      <p:graphicFrame>
        <p:nvGraphicFramePr>
          <p:cNvPr id="5" name="表格 4">
            <a:extLst>
              <a:ext uri="{FF2B5EF4-FFF2-40B4-BE49-F238E27FC236}">
                <a16:creationId xmlns:a16="http://schemas.microsoft.com/office/drawing/2014/main" id="{3C8E0FBC-F6F3-4794-B51A-E9EF983E6DE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83703407"/>
              </p:ext>
            </p:extLst>
          </p:nvPr>
        </p:nvGraphicFramePr>
        <p:xfrm>
          <a:off x="570000" y="1431897"/>
          <a:ext cx="4337564" cy="4510857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09826">
                  <a:extLst>
                    <a:ext uri="{9D8B030D-6E8A-4147-A177-3AD203B41FA5}">
                      <a16:colId xmlns:a16="http://schemas.microsoft.com/office/drawing/2014/main" val="1526742384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061038347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76350915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16798485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06345688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965336548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15634619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991045070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836322669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4178519968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716488702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58721655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42633222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371879676"/>
                    </a:ext>
                  </a:extLst>
                </a:gridCol>
              </a:tblGrid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rowSpan="24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</a:t>
                      </a:r>
                      <a:b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</a:br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Left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rowSpan="24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</a:t>
                      </a:r>
                      <a:b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</a:br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Right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42214900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6331964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68091493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62621872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011845814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103064662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7112742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7846389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8966850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20624790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26035922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87282884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73505507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081643200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12401218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31621441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80361584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94589762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47642162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58366714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93070873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18858996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157099690"/>
                  </a:ext>
                </a:extLst>
              </a:tr>
              <a:tr h="190767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gridSpan="10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 Bottom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412897044"/>
                  </a:ext>
                </a:extLst>
              </a:tr>
            </a:tbl>
          </a:graphicData>
        </a:graphic>
      </p:graphicFrame>
      <p:sp>
        <p:nvSpPr>
          <p:cNvPr id="11" name="文字方塊 10">
            <a:extLst>
              <a:ext uri="{FF2B5EF4-FFF2-40B4-BE49-F238E27FC236}">
                <a16:creationId xmlns:a16="http://schemas.microsoft.com/office/drawing/2014/main" id="{3E3AE5C7-F0FA-4F74-B4FB-65A898B596A5}"/>
              </a:ext>
            </a:extLst>
          </p:cNvPr>
          <p:cNvSpPr txBox="1"/>
          <p:nvPr/>
        </p:nvSpPr>
        <p:spPr>
          <a:xfrm>
            <a:off x="6024381" y="1551465"/>
            <a:ext cx="423644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地圖陣列 </a:t>
            </a:r>
            <a:r>
              <a:rPr lang="en-US" altLang="zh-TW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= [</a:t>
            </a:r>
            <a:r>
              <a:rPr lang="en-US" altLang="zh-TW" sz="20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olumn x</a:t>
            </a:r>
            <a:r>
              <a:rPr lang="zh-TW" altLang="en-US" sz="20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</a:t>
            </a:r>
            <a:r>
              <a:rPr lang="en-US" altLang="zh-TW" sz="20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row</a:t>
            </a:r>
            <a:r>
              <a:rPr lang="zh-TW" altLang="en-US" sz="20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en-US" altLang="zh-TW" sz="20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]</a:t>
            </a:r>
            <a:endParaRPr lang="zh-TW" altLang="en-US" sz="20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13" name="文字方塊 12">
            <a:extLst>
              <a:ext uri="{FF2B5EF4-FFF2-40B4-BE49-F238E27FC236}">
                <a16:creationId xmlns:a16="http://schemas.microsoft.com/office/drawing/2014/main" id="{42F79D27-C775-4620-A66B-87FAC1A3CE45}"/>
              </a:ext>
            </a:extLst>
          </p:cNvPr>
          <p:cNvSpPr txBox="1"/>
          <p:nvPr/>
        </p:nvSpPr>
        <p:spPr>
          <a:xfrm>
            <a:off x="5684628" y="2312776"/>
            <a:ext cx="6107185" cy="31393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如左圖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灰色區域為邊界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值為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1</a:t>
            </a: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俄羅斯方塊遊戲區域為 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10 X 20 ,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即黃色區域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黃色區域為遊戲資料轉換的區域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初始值為 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0,</a:t>
            </a: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會於方塊固定時改變此區域的數值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左右兩邊和上方留白的部分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是留給方塊判定用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</a:p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避免發生方塊陣列有值而地圖陣列沒有定義的情況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107094441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程式架構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 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地圖創建</a:t>
            </a:r>
          </a:p>
        </p:txBody>
      </p:sp>
      <p:graphicFrame>
        <p:nvGraphicFramePr>
          <p:cNvPr id="9" name="表格 8">
            <a:extLst>
              <a:ext uri="{FF2B5EF4-FFF2-40B4-BE49-F238E27FC236}">
                <a16:creationId xmlns:a16="http://schemas.microsoft.com/office/drawing/2014/main" id="{5A08750B-67B1-4230-B801-4FA5FDC228D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069471848"/>
              </p:ext>
            </p:extLst>
          </p:nvPr>
        </p:nvGraphicFramePr>
        <p:xfrm>
          <a:off x="570000" y="1431897"/>
          <a:ext cx="4337564" cy="4510857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09826">
                  <a:extLst>
                    <a:ext uri="{9D8B030D-6E8A-4147-A177-3AD203B41FA5}">
                      <a16:colId xmlns:a16="http://schemas.microsoft.com/office/drawing/2014/main" val="1526742384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061038347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76350915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16798485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06345688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965336548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15634619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991045070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836322669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4178519968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716488702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58721655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42633222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371879676"/>
                    </a:ext>
                  </a:extLst>
                </a:gridCol>
              </a:tblGrid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rowSpan="24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</a:t>
                      </a:r>
                      <a:b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</a:br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Left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rowSpan="24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</a:t>
                      </a:r>
                      <a:b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</a:br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Right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42214900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6331964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68091493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62621872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011845814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103064662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7112742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7846389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8966850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20624790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26035922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87282884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73505507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081643200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12401218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31621441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80361584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94589762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47642162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58366714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93070873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18858996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157099690"/>
                  </a:ext>
                </a:extLst>
              </a:tr>
              <a:tr h="190767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gridSpan="10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 Bottom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412897044"/>
                  </a:ext>
                </a:extLst>
              </a:tr>
            </a:tbl>
          </a:graphicData>
        </a:graphic>
      </p:graphicFrame>
      <p:sp>
        <p:nvSpPr>
          <p:cNvPr id="12" name="文字方塊 11">
            <a:extLst>
              <a:ext uri="{FF2B5EF4-FFF2-40B4-BE49-F238E27FC236}">
                <a16:creationId xmlns:a16="http://schemas.microsoft.com/office/drawing/2014/main" id="{E2245571-7416-4BE2-B67D-3620AC8D45F6}"/>
              </a:ext>
            </a:extLst>
          </p:cNvPr>
          <p:cNvSpPr txBox="1"/>
          <p:nvPr/>
        </p:nvSpPr>
        <p:spPr>
          <a:xfrm>
            <a:off x="5514815" y="1816707"/>
            <a:ext cx="6107185" cy="36933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初始化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: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    地圖陣列為 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map</a:t>
            </a:r>
            <a:r>
              <a:rPr lang="en-US" altLang="zh-TW" sz="1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[</a:t>
            </a:r>
            <a:r>
              <a:rPr lang="en-US" altLang="zh-TW" sz="18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olumn=14 x</a:t>
            </a:r>
            <a:r>
              <a:rPr lang="zh-TW" altLang="en-US" sz="18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</a:t>
            </a:r>
            <a:r>
              <a:rPr lang="en-US" altLang="zh-TW" sz="18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row=24</a:t>
            </a:r>
            <a:r>
              <a:rPr lang="en-US" altLang="zh-TW" sz="18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] </a:t>
            </a:r>
          </a:p>
          <a:p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  以 </a:t>
            </a:r>
            <a:r>
              <a:rPr lang="en-US" altLang="zh-TW" spc="1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map.fill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(0) 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的方法將陣列值歸零</a:t>
            </a:r>
            <a:endParaRPr lang="en-US" altLang="zh-TW" spc="100" dirty="0">
              <a:latin typeface="微軟正黑體" panose="020B0604030504040204" pitchFamily="34" charset="-12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spc="100" dirty="0">
              <a:latin typeface="微軟正黑體" panose="020B0604030504040204" pitchFamily="34" charset="-12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b="1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建立邊界 </a:t>
            </a:r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: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以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for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迴圈將地圖陣列轉為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[ </a:t>
            </a:r>
            <a:r>
              <a:rPr lang="en-US" altLang="zh-TW" spc="1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i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+ j*column ]</a:t>
            </a:r>
          </a:p>
          <a:p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   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再以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if-else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方法將邊界的值設定為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1</a:t>
            </a:r>
          </a:p>
          <a:p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建立方塊 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: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方塊有</a:t>
            </a:r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6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個變數</a:t>
            </a:r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分別為</a:t>
            </a:r>
            <a:endParaRPr lang="en-US" altLang="zh-TW" spc="100" dirty="0">
              <a:latin typeface="微軟正黑體" panose="020B0604030504040204" pitchFamily="34" charset="-12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  現在型態、現在轉向</a:t>
            </a:r>
            <a:endParaRPr lang="en-US" altLang="zh-TW" spc="100" dirty="0">
              <a:latin typeface="微軟正黑體" panose="020B0604030504040204" pitchFamily="34" charset="-12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  下次型態、下次轉向</a:t>
            </a:r>
            <a:endParaRPr lang="en-US" altLang="zh-TW" spc="100" dirty="0">
              <a:latin typeface="微軟正黑體" panose="020B0604030504040204" pitchFamily="34" charset="-12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  儲存型態、儲存轉向</a:t>
            </a:r>
            <a:endParaRPr lang="en-US" altLang="zh-TW" spc="100" dirty="0">
              <a:latin typeface="微軟正黑體" panose="020B0604030504040204" pitchFamily="34" charset="-12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  初始值皆為</a:t>
            </a:r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-1,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在地圖上出現的轉向皆相同</a:t>
            </a:r>
            <a:endParaRPr lang="en-US" altLang="zh-TW" spc="100" dirty="0">
              <a:latin typeface="微軟正黑體" panose="020B0604030504040204" pitchFamily="34" charset="-12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  以</a:t>
            </a:r>
            <a:r>
              <a:rPr lang="en-US" altLang="zh-TW" spc="1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math.random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()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隨機產生不同型態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  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32599503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程式架構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 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判定函式</a:t>
            </a:r>
          </a:p>
        </p:txBody>
      </p:sp>
      <p:graphicFrame>
        <p:nvGraphicFramePr>
          <p:cNvPr id="5" name="表格 4">
            <a:extLst>
              <a:ext uri="{FF2B5EF4-FFF2-40B4-BE49-F238E27FC236}">
                <a16:creationId xmlns:a16="http://schemas.microsoft.com/office/drawing/2014/main" id="{2EDB1F7F-DED9-4667-8277-014DCAAAD19D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253873555"/>
              </p:ext>
            </p:extLst>
          </p:nvPr>
        </p:nvGraphicFramePr>
        <p:xfrm>
          <a:off x="570000" y="1431897"/>
          <a:ext cx="4337564" cy="4510857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09826">
                  <a:extLst>
                    <a:ext uri="{9D8B030D-6E8A-4147-A177-3AD203B41FA5}">
                      <a16:colId xmlns:a16="http://schemas.microsoft.com/office/drawing/2014/main" val="1526742384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061038347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76350915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16798485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06345688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965336548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15634619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991045070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836322669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4178519968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716488702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58721655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42633222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371879676"/>
                    </a:ext>
                  </a:extLst>
                </a:gridCol>
              </a:tblGrid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rowSpan="24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</a:t>
                      </a:r>
                      <a:b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</a:br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Left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rowSpan="24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</a:t>
                      </a:r>
                      <a:b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</a:br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Right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42214900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6331964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68091493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62621872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011845814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103064662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7112742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7846389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8966850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20624790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26035922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87282884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73505507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081643200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12401218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31621441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80361584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94589762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47642162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58366714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93070873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18858996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157099690"/>
                  </a:ext>
                </a:extLst>
              </a:tr>
              <a:tr h="190767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gridSpan="10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 Bottom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412897044"/>
                  </a:ext>
                </a:extLst>
              </a:tr>
            </a:tbl>
          </a:graphicData>
        </a:graphic>
      </p:graphicFrame>
      <p:sp>
        <p:nvSpPr>
          <p:cNvPr id="7" name="文字方塊 6">
            <a:extLst>
              <a:ext uri="{FF2B5EF4-FFF2-40B4-BE49-F238E27FC236}">
                <a16:creationId xmlns:a16="http://schemas.microsoft.com/office/drawing/2014/main" id="{638ACE64-5ABA-4825-9C22-11BDDED40DA6}"/>
              </a:ext>
            </a:extLst>
          </p:cNvPr>
          <p:cNvSpPr txBox="1"/>
          <p:nvPr/>
        </p:nvSpPr>
        <p:spPr>
          <a:xfrm>
            <a:off x="5279923" y="1816707"/>
            <a:ext cx="6540165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b="1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判定 </a:t>
            </a:r>
            <a:r>
              <a:rPr lang="en-US" altLang="zh-TW" b="1" spc="1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isCanMove</a:t>
            </a:r>
            <a:r>
              <a:rPr lang="en-US" altLang="zh-TW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: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用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for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迴圈在地圖陣列中限定一塊 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4X4		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區域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並將此區域與方塊格子比對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</a:p>
          <a:p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	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若有方塊產生的地方且地圖對應的格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            子不為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0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則會回傳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False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反之回傳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True</a:t>
            </a:r>
          </a:p>
          <a:p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判定 </a:t>
            </a:r>
            <a:r>
              <a:rPr lang="en-US" altLang="zh-TW" b="1" spc="1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isGameOver</a:t>
            </a:r>
            <a:r>
              <a:rPr lang="en-US" altLang="zh-TW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: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在產出方塊的時候會判斷產出的方塊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	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  能不能動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如果不能動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會回傳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True,</a:t>
            </a:r>
          </a:p>
          <a:p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	     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系統會跳出遊戲結束的警示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	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 </a:t>
            </a:r>
          </a:p>
          <a:p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  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</p:txBody>
      </p:sp>
      <p:sp>
        <p:nvSpPr>
          <p:cNvPr id="2" name="矩形 1">
            <a:extLst>
              <a:ext uri="{FF2B5EF4-FFF2-40B4-BE49-F238E27FC236}">
                <a16:creationId xmlns:a16="http://schemas.microsoft.com/office/drawing/2014/main" id="{BEECB9FC-F7A3-4EA2-93B9-399C338D88C1}"/>
              </a:ext>
            </a:extLst>
          </p:cNvPr>
          <p:cNvSpPr/>
          <p:nvPr/>
        </p:nvSpPr>
        <p:spPr>
          <a:xfrm>
            <a:off x="1165618" y="1441481"/>
            <a:ext cx="1267189" cy="750451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graphicFrame>
        <p:nvGraphicFramePr>
          <p:cNvPr id="9" name="表格 8">
            <a:extLst>
              <a:ext uri="{FF2B5EF4-FFF2-40B4-BE49-F238E27FC236}">
                <a16:creationId xmlns:a16="http://schemas.microsoft.com/office/drawing/2014/main" id="{70CC4A48-0F8B-4B76-877A-5349D6F91794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58521911"/>
              </p:ext>
            </p:extLst>
          </p:nvPr>
        </p:nvGraphicFramePr>
        <p:xfrm>
          <a:off x="6360248" y="4827694"/>
          <a:ext cx="1270000" cy="111506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7500">
                  <a:extLst>
                    <a:ext uri="{9D8B030D-6E8A-4147-A177-3AD203B41FA5}">
                      <a16:colId xmlns:a16="http://schemas.microsoft.com/office/drawing/2014/main" val="1073047873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727611732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21410950"/>
                    </a:ext>
                  </a:extLst>
                </a:gridCol>
                <a:gridCol w="317500">
                  <a:extLst>
                    <a:ext uri="{9D8B030D-6E8A-4147-A177-3AD203B41FA5}">
                      <a16:colId xmlns:a16="http://schemas.microsoft.com/office/drawing/2014/main" val="3543202931"/>
                    </a:ext>
                  </a:extLst>
                </a:gridCol>
              </a:tblGrid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167599423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>
                          <a:effectLst/>
                        </a:rPr>
                        <a:t>　</a:t>
                      </a:r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114701646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endParaRPr lang="zh-TW" altLang="en-US" sz="12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630121998"/>
                  </a:ext>
                </a:extLst>
              </a:tr>
              <a:tr h="278765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>
                    <a:solidFill>
                      <a:schemeClr val="tx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1200" u="none" strike="noStrike" dirty="0">
                          <a:effectLst/>
                        </a:rPr>
                        <a:t>　</a:t>
                      </a:r>
                      <a:endParaRPr lang="zh-TW" alt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66207417"/>
                  </a:ext>
                </a:extLst>
              </a:tr>
            </a:tbl>
          </a:graphicData>
        </a:graphic>
      </p:graphicFrame>
      <p:cxnSp>
        <p:nvCxnSpPr>
          <p:cNvPr id="10" name="接點: 肘形 9">
            <a:extLst>
              <a:ext uri="{FF2B5EF4-FFF2-40B4-BE49-F238E27FC236}">
                <a16:creationId xmlns:a16="http://schemas.microsoft.com/office/drawing/2014/main" id="{13FE4F8F-3B68-422C-BE53-1C834D084F6C}"/>
              </a:ext>
            </a:extLst>
          </p:cNvPr>
          <p:cNvCxnSpPr>
            <a:cxnSpLocks/>
            <a:endCxn id="9" idx="1"/>
          </p:cNvCxnSpPr>
          <p:nvPr/>
        </p:nvCxnSpPr>
        <p:spPr>
          <a:xfrm>
            <a:off x="2432807" y="1816707"/>
            <a:ext cx="3927441" cy="3568517"/>
          </a:xfrm>
          <a:prstGeom prst="bentConnector3">
            <a:avLst>
              <a:gd name="adj1" fmla="val 39500"/>
            </a:avLst>
          </a:prstGeom>
          <a:ln w="28575">
            <a:tailEnd type="triangle"/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48947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500"/>
                            </p:stCondLst>
                            <p:childTnLst>
                              <p:par>
                                <p:cTn id="13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表格 4">
            <a:extLst>
              <a:ext uri="{FF2B5EF4-FFF2-40B4-BE49-F238E27FC236}">
                <a16:creationId xmlns:a16="http://schemas.microsoft.com/office/drawing/2014/main" id="{E482F6FA-283E-4895-9CC7-F093A129314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82703124"/>
              </p:ext>
            </p:extLst>
          </p:nvPr>
        </p:nvGraphicFramePr>
        <p:xfrm>
          <a:off x="570000" y="1431897"/>
          <a:ext cx="4337564" cy="4510857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09826">
                  <a:extLst>
                    <a:ext uri="{9D8B030D-6E8A-4147-A177-3AD203B41FA5}">
                      <a16:colId xmlns:a16="http://schemas.microsoft.com/office/drawing/2014/main" val="1526742384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061038347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76350915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16798485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06345688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3965336548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15634619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991045070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836322669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4178519968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716488702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2587216553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42633222"/>
                    </a:ext>
                  </a:extLst>
                </a:gridCol>
                <a:gridCol w="309826">
                  <a:extLst>
                    <a:ext uri="{9D8B030D-6E8A-4147-A177-3AD203B41FA5}">
                      <a16:colId xmlns:a16="http://schemas.microsoft.com/office/drawing/2014/main" val="1371879676"/>
                    </a:ext>
                  </a:extLst>
                </a:gridCol>
              </a:tblGrid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rowSpan="24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</a:t>
                      </a:r>
                      <a:b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</a:br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Left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rowSpan="24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</a:t>
                      </a:r>
                      <a:b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</a:br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Right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42214900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6331964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68091493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62621872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011845814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103064662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7112742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7846389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58966850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20624790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26035922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872828849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73505507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2081643200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124012188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31621441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80361584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94589762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476421626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58366714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1930708733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4188589965"/>
                  </a:ext>
                </a:extLst>
              </a:tr>
              <a:tr h="187830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>
                          <a:effectLst/>
                        </a:rPr>
                        <a:t>0</a:t>
                      </a:r>
                      <a:endParaRPr lang="en-US" altLang="zh-TW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TW" sz="700" u="none" strike="noStrike" dirty="0">
                          <a:effectLst/>
                        </a:rPr>
                        <a:t>0</a:t>
                      </a:r>
                      <a:endParaRPr lang="en-US" altLang="zh-TW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>
                          <a:effectLst/>
                        </a:rPr>
                        <a:t>　</a:t>
                      </a:r>
                      <a:endParaRPr lang="zh-TW" altLang="en-US" sz="700" b="0" i="0" u="none" strike="noStrike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157099690"/>
                  </a:ext>
                </a:extLst>
              </a:tr>
              <a:tr h="190767">
                <a:tc>
                  <a:txBody>
                    <a:bodyPr/>
                    <a:lstStyle/>
                    <a:p>
                      <a:pPr algn="ctr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gridSpan="10"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solidFill>
                            <a:schemeClr val="bg1"/>
                          </a:solidFill>
                          <a:effectLst/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Wall Bottom</a:t>
                      </a:r>
                      <a:endParaRPr lang="en-US" sz="1000" b="1" i="0" u="none" strike="noStrike" dirty="0">
                        <a:solidFill>
                          <a:schemeClr val="bg1"/>
                        </a:solidFill>
                        <a:effectLst/>
                        <a:latin typeface="Arial" panose="020B0604020202020204" pitchFamily="34" charset="0"/>
                        <a:ea typeface="新細明體" panose="02020500000000000000" pitchFamily="18" charset="-120"/>
                        <a:cs typeface="Arial" panose="020B0604020202020204" pitchFamily="34" charset="0"/>
                      </a:endParaRPr>
                    </a:p>
                  </a:txBody>
                  <a:tcPr marL="5481" marR="5481" marT="5481" marB="0" anchor="ctr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700" u="none" strike="noStrike" dirty="0">
                          <a:effectLst/>
                        </a:rPr>
                        <a:t>　</a:t>
                      </a:r>
                      <a:endParaRPr lang="zh-TW" altLang="en-US" sz="700" b="0" i="0" u="none" strike="noStrike" dirty="0">
                        <a:solidFill>
                          <a:srgbClr val="000000"/>
                        </a:solidFill>
                        <a:effectLst/>
                        <a:latin typeface="新細明體" panose="02020500000000000000" pitchFamily="18" charset="-120"/>
                        <a:ea typeface="新細明體" panose="02020500000000000000" pitchFamily="18" charset="-120"/>
                      </a:endParaRPr>
                    </a:p>
                  </a:txBody>
                  <a:tcPr marL="5481" marR="5481" marT="5481" marB="0" anchor="ctr"/>
                </a:tc>
                <a:extLst>
                  <a:ext uri="{0D108BD9-81ED-4DB2-BD59-A6C34878D82A}">
                    <a16:rowId xmlns:a16="http://schemas.microsoft.com/office/drawing/2014/main" val="3412897044"/>
                  </a:ext>
                </a:extLst>
              </a:tr>
            </a:tbl>
          </a:graphicData>
        </a:graphic>
      </p:graphicFrame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程式架構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 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動作函式</a:t>
            </a:r>
          </a:p>
        </p:txBody>
      </p:sp>
      <p:sp>
        <p:nvSpPr>
          <p:cNvPr id="2" name="矩形 1">
            <a:extLst>
              <a:ext uri="{FF2B5EF4-FFF2-40B4-BE49-F238E27FC236}">
                <a16:creationId xmlns:a16="http://schemas.microsoft.com/office/drawing/2014/main" id="{1CF8CA62-12D1-461A-B29F-01CC2498EAAE}"/>
              </a:ext>
            </a:extLst>
          </p:cNvPr>
          <p:cNvSpPr/>
          <p:nvPr/>
        </p:nvSpPr>
        <p:spPr>
          <a:xfrm>
            <a:off x="1179891" y="1434478"/>
            <a:ext cx="1235195" cy="746527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7" name="文字方塊 6">
            <a:extLst>
              <a:ext uri="{FF2B5EF4-FFF2-40B4-BE49-F238E27FC236}">
                <a16:creationId xmlns:a16="http://schemas.microsoft.com/office/drawing/2014/main" id="{2ED5CC0D-6015-4323-9BD0-161419A17C10}"/>
              </a:ext>
            </a:extLst>
          </p:cNvPr>
          <p:cNvSpPr txBox="1"/>
          <p:nvPr/>
        </p:nvSpPr>
        <p:spPr>
          <a:xfrm>
            <a:off x="5514815" y="1395362"/>
            <a:ext cx="6107185" cy="535531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b="1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向下</a:t>
            </a:r>
            <a:r>
              <a:rPr lang="en-US" altLang="zh-TW" b="1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/</a:t>
            </a:r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向右</a:t>
            </a:r>
            <a:r>
              <a:rPr lang="en-US" altLang="zh-TW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/</a:t>
            </a:r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向左 </a:t>
            </a:r>
            <a:r>
              <a:rPr lang="en-US" altLang="zh-TW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: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如左圖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觸發此函式時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與方塊比對的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         區域會改變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產生方塊在地圖中移動的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         效果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快速落下 </a:t>
            </a:r>
            <a:r>
              <a:rPr lang="en-US" altLang="zh-TW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:</a:t>
            </a:r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將方塊比對區域往下移動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直至無法再往下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旋轉方塊  </a:t>
            </a:r>
            <a:r>
              <a:rPr lang="en-US" altLang="zh-TW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: 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一開始會於方塊陣列中放入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4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組資料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代表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4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種轉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	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    向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當觸發此函式時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會改變方塊比對的資料</a:t>
            </a:r>
            <a:endParaRPr lang="en-US" altLang="zh-TW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endParaRPr lang="en-US" altLang="zh-TW" b="1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固定方塊 </a:t>
            </a:r>
            <a:r>
              <a:rPr lang="en-US" altLang="zh-TW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:</a:t>
            </a:r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當方塊區域無法移動時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會將方塊區域的資料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寫入對應的方塊區域中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b="1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消除方塊 </a:t>
            </a:r>
            <a:r>
              <a:rPr lang="en-US" altLang="zh-TW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:</a:t>
            </a:r>
            <a:r>
              <a:rPr lang="zh-TW" altLang="en-US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用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for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迴圈</a:t>
            </a:r>
            <a:r>
              <a:rPr lang="en-US" altLang="zh-TW" b="1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由下往上計算同一個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row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中的方塊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            數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如果數量為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10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則地圖陣列為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                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[ </a:t>
            </a:r>
            <a:r>
              <a:rPr lang="en-US" altLang="zh-TW" dirty="0" err="1">
                <a:latin typeface="微軟正黑體" panose="020B0604030504040204" pitchFamily="34" charset="-120"/>
                <a:ea typeface="微軟正黑體" panose="020B0604030504040204" pitchFamily="34" charset="-120"/>
              </a:rPr>
              <a:t>i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+ j*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olumn 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] = [ </a:t>
            </a:r>
            <a:r>
              <a:rPr lang="en-US" altLang="zh-TW" dirty="0" err="1">
                <a:latin typeface="微軟正黑體" panose="020B0604030504040204" pitchFamily="34" charset="-120"/>
                <a:ea typeface="微軟正黑體" panose="020B0604030504040204" pitchFamily="34" charset="-120"/>
              </a:rPr>
              <a:t>i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+ (j-1) *</a:t>
            </a:r>
            <a:r>
              <a:rPr lang="en-US" altLang="zh-TW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column 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]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b="1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b="1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en-US" altLang="zh-TW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	</a:t>
            </a:r>
            <a:r>
              <a:rPr lang="zh-TW" altLang="en-US" spc="100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  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636368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16667E-6 2.59259E-6 L 0.00039 0.51666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3" y="2583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2000"/>
                            </p:stCondLst>
                            <p:childTnLst>
                              <p:par>
                                <p:cTn id="8" presetID="42" presetClass="path" presetSubtype="0" accel="50000" decel="5000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0039 0.51666 L 0.15182 0.51666 " pathEditMode="relative" rAng="0" ptsTypes="AA">
                                      <p:cBhvr>
                                        <p:cTn id="9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7565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4000"/>
                            </p:stCondLst>
                            <p:childTnLst>
                              <p:par>
                                <p:cTn id="11" presetID="35" presetClass="path" presetSubtype="0" accel="50000" decel="50000" fill="hold" grpId="2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5182 0.51666 L 0.0004 0.51667 " pathEditMode="relative" rAng="0" ptsTypes="AA">
                                      <p:cBhvr>
                                        <p:cTn id="12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7617" y="-13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2" grpId="1" animBg="1"/>
      <p:bldP spid="2" grpId="2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日期版面配置區 3">
            <a:extLst>
              <a:ext uri="{FF2B5EF4-FFF2-40B4-BE49-F238E27FC236}">
                <a16:creationId xmlns:a16="http://schemas.microsoft.com/office/drawing/2014/main" id="{BA694FE8-A16E-4D1E-B08C-BD46B424121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rtl="0"/>
            <a:fld id="{CE847876-3A2B-49FA-B396-40048599C954}" type="datetime1">
              <a:rPr lang="zh-TW" altLang="en-US" smtClean="0"/>
              <a:t>2021/7/20</a:t>
            </a:fld>
            <a:endParaRPr lang="en-US"/>
          </a:p>
        </p:txBody>
      </p:sp>
      <p:cxnSp>
        <p:nvCxnSpPr>
          <p:cNvPr id="6" name="直線接點 5">
            <a:extLst>
              <a:ext uri="{FF2B5EF4-FFF2-40B4-BE49-F238E27FC236}">
                <a16:creationId xmlns:a16="http://schemas.microsoft.com/office/drawing/2014/main" id="{F737EAD1-FA78-4249-B536-BA75FDAC3465}"/>
              </a:ext>
            </a:extLst>
          </p:cNvPr>
          <p:cNvCxnSpPr>
            <a:cxnSpLocks/>
          </p:cNvCxnSpPr>
          <p:nvPr/>
        </p:nvCxnSpPr>
        <p:spPr>
          <a:xfrm>
            <a:off x="570000" y="1006679"/>
            <a:ext cx="11052000" cy="0"/>
          </a:xfrm>
          <a:prstGeom prst="line">
            <a:avLst/>
          </a:prstGeom>
          <a:ln w="127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文字方塊 7">
            <a:extLst>
              <a:ext uri="{FF2B5EF4-FFF2-40B4-BE49-F238E27FC236}">
                <a16:creationId xmlns:a16="http://schemas.microsoft.com/office/drawing/2014/main" id="{6ACD4E3B-10CB-4600-BB6A-D98C0B2C9275}"/>
              </a:ext>
            </a:extLst>
          </p:cNvPr>
          <p:cNvSpPr txBox="1"/>
          <p:nvPr/>
        </p:nvSpPr>
        <p:spPr>
          <a:xfrm>
            <a:off x="570000" y="528506"/>
            <a:ext cx="25334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程式架構 </a:t>
            </a:r>
            <a:r>
              <a:rPr lang="en-US" altLang="zh-TW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– </a:t>
            </a:r>
            <a:r>
              <a:rPr lang="zh-TW" altLang="en-US" i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遊戲難度</a:t>
            </a:r>
          </a:p>
        </p:txBody>
      </p:sp>
      <p:graphicFrame>
        <p:nvGraphicFramePr>
          <p:cNvPr id="5" name="圖表 4">
            <a:extLst>
              <a:ext uri="{FF2B5EF4-FFF2-40B4-BE49-F238E27FC236}">
                <a16:creationId xmlns:a16="http://schemas.microsoft.com/office/drawing/2014/main" id="{98207B80-BA66-46E9-A4A5-8D16636BB15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735367788"/>
              </p:ext>
            </p:extLst>
          </p:nvPr>
        </p:nvGraphicFramePr>
        <p:xfrm>
          <a:off x="570000" y="2180666"/>
          <a:ext cx="4163365" cy="24966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文字方塊 6">
            <a:extLst>
              <a:ext uri="{FF2B5EF4-FFF2-40B4-BE49-F238E27FC236}">
                <a16:creationId xmlns:a16="http://schemas.microsoft.com/office/drawing/2014/main" id="{F65D964B-AED7-4563-9D50-6B2E421689EC}"/>
              </a:ext>
            </a:extLst>
          </p:cNvPr>
          <p:cNvSpPr txBox="1"/>
          <p:nvPr/>
        </p:nvSpPr>
        <p:spPr>
          <a:xfrm>
            <a:off x="5162389" y="2772712"/>
            <a:ext cx="6107185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以 </a:t>
            </a:r>
            <a:r>
              <a:rPr lang="en-US" altLang="zh-TW" spc="100" dirty="0" err="1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setInterval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( function() , t )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設定落下速度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其中 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t 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為落下週期</a:t>
            </a:r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endParaRPr lang="en-US" altLang="zh-TW" spc="100" dirty="0">
              <a:latin typeface="Arial" panose="020B0604020202020204" pitchFamily="34" charset="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設定如左圖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  <a:r>
              <a:rPr lang="zh-TW" altLang="en-US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速度會隨著時間慢慢加快</a:t>
            </a:r>
            <a:r>
              <a:rPr lang="en-US" altLang="zh-TW" spc="100" dirty="0">
                <a:latin typeface="Arial" panose="020B0604020202020204" pitchFamily="34" charset="0"/>
                <a:ea typeface="微軟正黑體" panose="020B0604030504040204" pitchFamily="34" charset="-120"/>
                <a:cs typeface="Arial" panose="020B0604020202020204" pitchFamily="34" charset="0"/>
              </a:rPr>
              <a:t>,</a:t>
            </a:r>
          </a:p>
        </p:txBody>
      </p:sp>
      <p:graphicFrame>
        <p:nvGraphicFramePr>
          <p:cNvPr id="10" name="圖表 9">
            <a:extLst>
              <a:ext uri="{FF2B5EF4-FFF2-40B4-BE49-F238E27FC236}">
                <a16:creationId xmlns:a16="http://schemas.microsoft.com/office/drawing/2014/main" id="{21F0CD8B-6B82-4622-816B-AF4310A8208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923805893"/>
              </p:ext>
            </p:extLst>
          </p:nvPr>
        </p:nvGraphicFramePr>
        <p:xfrm>
          <a:off x="570000" y="2180666"/>
          <a:ext cx="4165200" cy="2498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2" name="文字方塊 1">
            <a:extLst>
              <a:ext uri="{FF2B5EF4-FFF2-40B4-BE49-F238E27FC236}">
                <a16:creationId xmlns:a16="http://schemas.microsoft.com/office/drawing/2014/main" id="{07CA2C30-0D31-40E8-86E6-B3814341372F}"/>
              </a:ext>
            </a:extLst>
          </p:cNvPr>
          <p:cNvSpPr txBox="1"/>
          <p:nvPr/>
        </p:nvSpPr>
        <p:spPr>
          <a:xfrm>
            <a:off x="5162389" y="2791000"/>
            <a:ext cx="52959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但是時間加快的速度太慢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導致遊戲的刺激性不足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,</a:t>
            </a:r>
            <a:endParaRPr lang="zh-TW" altLang="en-US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11" name="文字方塊 10">
            <a:extLst>
              <a:ext uri="{FF2B5EF4-FFF2-40B4-BE49-F238E27FC236}">
                <a16:creationId xmlns:a16="http://schemas.microsoft.com/office/drawing/2014/main" id="{1994B349-2746-4990-87D0-71B11D74BE3F}"/>
              </a:ext>
            </a:extLst>
          </p:cNvPr>
          <p:cNvSpPr txBox="1"/>
          <p:nvPr/>
        </p:nvSpPr>
        <p:spPr>
          <a:xfrm>
            <a:off x="5162389" y="3160332"/>
            <a:ext cx="52959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所以將落下函數改為速度增長較明顯的曲線</a:t>
            </a:r>
          </a:p>
        </p:txBody>
      </p:sp>
      <p:cxnSp>
        <p:nvCxnSpPr>
          <p:cNvPr id="12" name="直線接點 11">
            <a:extLst>
              <a:ext uri="{FF2B5EF4-FFF2-40B4-BE49-F238E27FC236}">
                <a16:creationId xmlns:a16="http://schemas.microsoft.com/office/drawing/2014/main" id="{2A95BE5B-865C-4B10-AB14-9F71B7F9A890}"/>
              </a:ext>
            </a:extLst>
          </p:cNvPr>
          <p:cNvCxnSpPr/>
          <p:nvPr/>
        </p:nvCxnSpPr>
        <p:spPr>
          <a:xfrm>
            <a:off x="428625" y="2073650"/>
            <a:ext cx="4371975" cy="2405018"/>
          </a:xfrm>
          <a:prstGeom prst="line">
            <a:avLst/>
          </a:prstGeom>
          <a:ln w="12700"/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13" name="直線接點 12">
            <a:extLst>
              <a:ext uri="{FF2B5EF4-FFF2-40B4-BE49-F238E27FC236}">
                <a16:creationId xmlns:a16="http://schemas.microsoft.com/office/drawing/2014/main" id="{0448CB3C-FE6A-4075-A2D5-7325D710C058}"/>
              </a:ext>
            </a:extLst>
          </p:cNvPr>
          <p:cNvCxnSpPr>
            <a:cxnSpLocks/>
          </p:cNvCxnSpPr>
          <p:nvPr/>
        </p:nvCxnSpPr>
        <p:spPr>
          <a:xfrm flipV="1">
            <a:off x="570000" y="2034822"/>
            <a:ext cx="4304740" cy="2443846"/>
          </a:xfrm>
          <a:prstGeom prst="line">
            <a:avLst/>
          </a:prstGeom>
          <a:ln w="12700"/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5150593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0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500"/>
                            </p:stCondLst>
                            <p:childTnLst>
                              <p:par>
                                <p:cTn id="12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4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000"/>
                            </p:stCondLst>
                            <p:childTnLst>
                              <p:par>
                                <p:cTn id="16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8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2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2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22" presetClass="exit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right)">
                                      <p:cBhvr>
                                        <p:cTn id="28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"/>
                            </p:stCondLst>
                            <p:childTnLst>
                              <p:par>
                                <p:cTn id="3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5" grpId="0">
        <p:bldAsOne/>
      </p:bldGraphic>
      <p:bldP spid="7" grpId="0"/>
      <p:bldGraphic spid="10" grpId="0">
        <p:bldAsOne/>
      </p:bldGraphic>
      <p:bldP spid="2" grpId="1"/>
      <p:bldP spid="11" grpId="0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SavonVTI">
  <a:themeElements>
    <a:clrScheme name="FIVE">
      <a:dk1>
        <a:sysClr val="windowText" lastClr="000000"/>
      </a:dk1>
      <a:lt1>
        <a:sysClr val="window" lastClr="FFFFFF"/>
      </a:lt1>
      <a:dk2>
        <a:srgbClr val="505046"/>
      </a:dk2>
      <a:lt2>
        <a:srgbClr val="F5F6F4"/>
      </a:lt2>
      <a:accent1>
        <a:srgbClr val="57903F"/>
      </a:accent1>
      <a:accent2>
        <a:srgbClr val="F03F2B"/>
      </a:accent2>
      <a:accent3>
        <a:srgbClr val="3488A0"/>
      </a:accent3>
      <a:accent4>
        <a:srgbClr val="F8D22F"/>
      </a:accent4>
      <a:accent5>
        <a:srgbClr val="5CC6D6"/>
      </a:accent5>
      <a:accent6>
        <a:srgbClr val="B8D233"/>
      </a:accent6>
      <a:hlink>
        <a:srgbClr val="00B0F0"/>
      </a:hlink>
      <a:folHlink>
        <a:srgbClr val="B2B2B2"/>
      </a:folHlink>
    </a:clrScheme>
    <a:fontScheme name="Century Gothic">
      <a:majorFont>
        <a:latin typeface="Century Gothic" panose="020F03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Gothic" panose="020F030202020403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Savon">
      <a:fillStyleLst>
        <a:solidFill>
          <a:schemeClr val="phClr"/>
        </a:solidFill>
        <a:gradFill rotWithShape="1">
          <a:gsLst>
            <a:gs pos="0">
              <a:schemeClr val="phClr">
                <a:tint val="60000"/>
                <a:satMod val="105000"/>
                <a:lumMod val="105000"/>
              </a:schemeClr>
            </a:gs>
            <a:gs pos="100000">
              <a:schemeClr val="phClr">
                <a:tint val="65000"/>
                <a:satMod val="100000"/>
                <a:lumMod val="100000"/>
              </a:schemeClr>
            </a:gs>
            <a:gs pos="100000">
              <a:schemeClr val="phClr">
                <a:tint val="70000"/>
                <a:satMod val="100000"/>
                <a:lumMod val="10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0000"/>
                <a:lumMod val="100000"/>
              </a:schemeClr>
            </a:gs>
            <a:gs pos="50000">
              <a:schemeClr val="phClr">
                <a:shade val="99000"/>
                <a:satMod val="105000"/>
                <a:lumMod val="100000"/>
              </a:schemeClr>
            </a:gs>
            <a:gs pos="100000">
              <a:schemeClr val="phClr">
                <a:shade val="98000"/>
                <a:satMod val="105000"/>
                <a:lumMod val="100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12700" dir="5400000" algn="ctr" rotWithShape="0">
              <a:srgbClr val="000000">
                <a:alpha val="63000"/>
              </a:srgbClr>
            </a:outerShdw>
          </a:effectLst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  <a:scene3d>
            <a:camera prst="orthographicFront">
              <a:rot lat="0" lon="0" rev="0"/>
            </a:camera>
            <a:lightRig rig="flat" dir="tl">
              <a:rot lat="0" lon="0" rev="4200000"/>
            </a:lightRig>
          </a:scene3d>
          <a:sp3d prstMaterial="flat">
            <a:bevelT w="50800" h="63500" prst="riblet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80000"/>
                <a:shade val="100000"/>
                <a:satMod val="300000"/>
              </a:schemeClr>
            </a:gs>
            <a:gs pos="100000">
              <a:schemeClr val="phClr">
                <a:tint val="100000"/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  <a:blipFill rotWithShape="1">
          <a:blip xmlns:r="http://schemas.openxmlformats.org/officeDocument/2006/relationships" r:embed="rId1">
            <a:duotone>
              <a:schemeClr val="phClr">
                <a:tint val="95000"/>
              </a:schemeClr>
              <a:schemeClr val="phClr">
                <a:shade val="92000"/>
                <a:satMod val="115000"/>
              </a:schemeClr>
            </a:duotone>
          </a:blip>
          <a:tile tx="0" ty="0" sx="60000" sy="60000" flip="none" algn="tl"/>
        </a:blip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_41798659_TF78438558" id="{B22198C3-BD72-44A2-997F-14D793BFA363}" vid="{07B9720E-645E-4AB5-B14C-E751A8DA5D21}"/>
    </a:ext>
  </a:extLst>
</a:theme>
</file>

<file path=ppt/theme/theme2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{B01F170B-36D2-4B3E-A336-A8BFDD1190B5}tf78438558_win32</Template>
  <TotalTime>1739</TotalTime>
  <Words>2319</Words>
  <Application>Microsoft Office PowerPoint</Application>
  <PresentationFormat>寬螢幕</PresentationFormat>
  <Paragraphs>1390</Paragraphs>
  <Slides>16</Slides>
  <Notes>0</Notes>
  <HiddenSlides>0</HiddenSlides>
  <MMClips>0</MMClips>
  <ScaleCrop>false</ScaleCrop>
  <HeadingPairs>
    <vt:vector size="6" baseType="variant">
      <vt:variant>
        <vt:lpstr>使用字型</vt:lpstr>
      </vt:variant>
      <vt:variant>
        <vt:i4>7</vt:i4>
      </vt:variant>
      <vt:variant>
        <vt:lpstr>佈景主題</vt:lpstr>
      </vt:variant>
      <vt:variant>
        <vt:i4>1</vt:i4>
      </vt:variant>
      <vt:variant>
        <vt:lpstr>投影片標題</vt:lpstr>
      </vt:variant>
      <vt:variant>
        <vt:i4>16</vt:i4>
      </vt:variant>
    </vt:vector>
  </HeadingPairs>
  <TitlesOfParts>
    <vt:vector size="24" baseType="lpstr">
      <vt:lpstr>Microsoft JhengHei UI</vt:lpstr>
      <vt:lpstr>微軟正黑體</vt:lpstr>
      <vt:lpstr>新細明體</vt:lpstr>
      <vt:lpstr>Arial</vt:lpstr>
      <vt:lpstr>Calibri</vt:lpstr>
      <vt:lpstr>Century Gothic</vt:lpstr>
      <vt:lpstr>Garamond</vt:lpstr>
      <vt:lpstr>SavonVTI</vt:lpstr>
      <vt:lpstr>專題名稱:俄羅斯方塊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專題名稱:俄羅斯方塊</dc:title>
  <dc:creator>4727</dc:creator>
  <cp:lastModifiedBy>4727</cp:lastModifiedBy>
  <cp:revision>6</cp:revision>
  <dcterms:created xsi:type="dcterms:W3CDTF">2021-07-19T09:07:49Z</dcterms:created>
  <dcterms:modified xsi:type="dcterms:W3CDTF">2021-07-20T14:17:10Z</dcterms:modified>
</cp:coreProperties>
</file>